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86\02_group\02_保育・待機児童対策グループ\01 設置認可\■常用\■事故報告\R5\99_国より依頼（通知・事務連絡・転送）\R51214教育・保育施設等における事故の報告等について\"/>
    </mc:Choice>
  </mc:AlternateContent>
  <bookViews>
    <workbookView xWindow="-30828" yWindow="-1752" windowWidth="30936" windowHeight="16896"/>
  </bookViews>
  <sheets>
    <sheet name="表面" sheetId="1" r:id="rId1"/>
    <sheet name="裏面" sheetId="10" r:id="rId2"/>
    <sheet name="表面 (記載例)" sheetId="11" r:id="rId3"/>
    <sheet name="裏面 (記載例)" sheetId="12" r:id="rId4"/>
    <sheet name="DB掲載用" sheetId="9" r:id="rId5"/>
    <sheet name="反映シート" sheetId="8" r:id="rId6"/>
    <sheet name="ﾌﾟﾙﾀﾞｳﾝ" sheetId="5" r:id="rId7"/>
  </sheets>
  <definedNames>
    <definedName name="_xlnm.Print_Area" localSheetId="4">DB掲載用!$B$1:$G$9</definedName>
    <definedName name="_xlnm.Print_Area" localSheetId="6">ﾌﾟﾙﾀﾞｳﾝ!$A$1:$D$32</definedName>
    <definedName name="_xlnm.Print_Area" localSheetId="0">表面!$A$1:$J$31</definedName>
    <definedName name="_xlnm.Print_Area" localSheetId="2">'表面 (記載例)'!$A$1:$J$31</definedName>
    <definedName name="_xlnm.Print_Area" localSheetId="1">裏面!$A$1:$J$44</definedName>
    <definedName name="_xlnm.Print_Area" localSheetId="3">'裏面 (記載例)'!$A$1:$J$44</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J5" i="8" l="1"/>
  <c r="I5" i="8"/>
  <c r="F5" i="8"/>
  <c r="D7" i="9"/>
  <c r="N5" i="8"/>
  <c r="AA5" i="8"/>
  <c r="Z5" i="8"/>
  <c r="BK5" i="8"/>
  <c r="F7" i="9" s="1"/>
  <c r="BJ5" i="8"/>
  <c r="E7" i="9" s="1"/>
  <c r="BH5" i="8" l="1"/>
  <c r="BG5" i="8"/>
  <c r="BF5" i="8"/>
  <c r="BE5" i="8"/>
  <c r="BD5" i="8"/>
  <c r="BC5" i="8"/>
  <c r="BB5" i="8"/>
  <c r="BA5" i="8"/>
  <c r="AZ5" i="8"/>
  <c r="AY5" i="8"/>
  <c r="AX5" i="8"/>
  <c r="AW5" i="8"/>
  <c r="AV5" i="8"/>
  <c r="AU5" i="8"/>
  <c r="AT5" i="8"/>
  <c r="AS5" i="8"/>
  <c r="AR5" i="8"/>
  <c r="AQ5" i="8"/>
  <c r="AP5" i="8"/>
  <c r="AO5" i="8"/>
  <c r="AN5" i="8"/>
  <c r="AM5" i="8"/>
  <c r="AL5" i="8"/>
  <c r="AK5" i="8"/>
  <c r="AJ5" i="8"/>
  <c r="AI5" i="8"/>
  <c r="AG5" i="8"/>
  <c r="AF5" i="8"/>
  <c r="AB5" i="8"/>
  <c r="Q5" i="8"/>
  <c r="R5" i="8"/>
  <c r="S5" i="8"/>
  <c r="T5" i="8"/>
  <c r="U5" i="8"/>
  <c r="V5" i="8"/>
  <c r="W5" i="8"/>
  <c r="P5" i="8"/>
  <c r="O5" i="8"/>
  <c r="G5" i="8"/>
  <c r="E5" i="8"/>
  <c r="D5" i="8"/>
  <c r="C7" i="9"/>
  <c r="B7" i="9"/>
  <c r="AH5" i="8" l="1"/>
  <c r="AE5" i="8"/>
  <c r="AD5" i="8"/>
  <c r="AC5" i="8"/>
  <c r="Y5" i="8"/>
  <c r="X5" i="8"/>
  <c r="M5" i="8"/>
  <c r="L5" i="8"/>
  <c r="K5" i="8"/>
  <c r="B5" i="8"/>
  <c r="C5" i="8"/>
  <c r="A5" i="8"/>
</calcChain>
</file>

<file path=xl/sharedStrings.xml><?xml version="1.0" encoding="utf-8"?>
<sst xmlns="http://schemas.openxmlformats.org/spreadsheetml/2006/main" count="477" uniqueCount="323">
  <si>
    <t>教育・保育施設等事故報告書</t>
    <rPh sb="0" eb="2">
      <t>キョウイク</t>
    </rPh>
    <rPh sb="3" eb="5">
      <t>ホイク</t>
    </rPh>
    <rPh sb="5" eb="7">
      <t>シセツ</t>
    </rPh>
    <rPh sb="7" eb="8">
      <t>トウ</t>
    </rPh>
    <rPh sb="8" eb="10">
      <t>ジコ</t>
    </rPh>
    <rPh sb="10" eb="12">
      <t>ホウコク</t>
    </rPh>
    <rPh sb="12" eb="13">
      <t>ショ</t>
    </rPh>
    <phoneticPr fontId="1"/>
  </si>
  <si>
    <t>基本情報</t>
    <rPh sb="0" eb="4">
      <t>キホンジョウホウ</t>
    </rPh>
    <phoneticPr fontId="1"/>
  </si>
  <si>
    <t>事故報告回数</t>
    <rPh sb="0" eb="6">
      <t>ジコホウコクカイスウ</t>
    </rPh>
    <phoneticPr fontId="1"/>
  </si>
  <si>
    <t>施設・事業所名称</t>
    <rPh sb="0" eb="1">
      <t>シ</t>
    </rPh>
    <rPh sb="1" eb="2">
      <t>セツ</t>
    </rPh>
    <rPh sb="3" eb="6">
      <t>ジギョウショ</t>
    </rPh>
    <rPh sb="6" eb="8">
      <t>メイショウ</t>
    </rPh>
    <phoneticPr fontId="1"/>
  </si>
  <si>
    <t>事故報告年月日</t>
    <rPh sb="0" eb="7">
      <t>ジコホウコクネンガッピ</t>
    </rPh>
    <phoneticPr fontId="1"/>
  </si>
  <si>
    <r>
      <t xml:space="preserve">事故報告自治体
</t>
    </r>
    <r>
      <rPr>
        <sz val="6"/>
        <rFont val="ＭＳ Ｐゴシック"/>
        <family val="3"/>
        <charset val="128"/>
        <scheme val="major"/>
      </rPr>
      <t>（都道府県・市区町村）</t>
    </r>
    <rPh sb="0" eb="2">
      <t>ジコ</t>
    </rPh>
    <rPh sb="2" eb="4">
      <t>ホウコク</t>
    </rPh>
    <rPh sb="4" eb="7">
      <t>ジチタイ</t>
    </rPh>
    <rPh sb="9" eb="13">
      <t>トドウフケン</t>
    </rPh>
    <rPh sb="14" eb="18">
      <t>シクチョウソン</t>
    </rPh>
    <phoneticPr fontId="1"/>
  </si>
  <si>
    <t>施設・事業所種別</t>
    <rPh sb="0" eb="2">
      <t>シセツ</t>
    </rPh>
    <rPh sb="3" eb="5">
      <t>ジギョウ</t>
    </rPh>
    <rPh sb="5" eb="6">
      <t>ショ</t>
    </rPh>
    <rPh sb="6" eb="8">
      <t>シュベツ</t>
    </rPh>
    <phoneticPr fontId="1"/>
  </si>
  <si>
    <t>認可・認可外の区分</t>
    <rPh sb="0" eb="2">
      <t>ニンカ</t>
    </rPh>
    <rPh sb="3" eb="6">
      <t>ニンカガイ</t>
    </rPh>
    <rPh sb="7" eb="9">
      <t>クブン</t>
    </rPh>
    <phoneticPr fontId="1"/>
  </si>
  <si>
    <r>
      <t xml:space="preserve">施設・事業開始年月日
</t>
    </r>
    <r>
      <rPr>
        <sz val="6"/>
        <rFont val="ＭＳ Ｐゴシック"/>
        <family val="3"/>
        <charset val="128"/>
        <scheme val="major"/>
      </rPr>
      <t>(開設、認可、事業開始等)</t>
    </r>
    <rPh sb="0" eb="2">
      <t>シセツ</t>
    </rPh>
    <rPh sb="3" eb="5">
      <t>ジギョウ</t>
    </rPh>
    <rPh sb="5" eb="7">
      <t>カイシ</t>
    </rPh>
    <rPh sb="7" eb="10">
      <t>ネンガッピ</t>
    </rPh>
    <rPh sb="12" eb="14">
      <t>カイセツ</t>
    </rPh>
    <rPh sb="15" eb="17">
      <t>ニンカ</t>
    </rPh>
    <rPh sb="18" eb="22">
      <t>ジギョウカイシ</t>
    </rPh>
    <rPh sb="22" eb="23">
      <t>トウ</t>
    </rPh>
    <phoneticPr fontId="1"/>
  </si>
  <si>
    <t>事故に遭ったこどもの情報</t>
    <rPh sb="0" eb="2">
      <t>ジコ</t>
    </rPh>
    <rPh sb="3" eb="4">
      <t>ア</t>
    </rPh>
    <rPh sb="10" eb="12">
      <t>ジョウホウ</t>
    </rPh>
    <phoneticPr fontId="1"/>
  </si>
  <si>
    <t>こどもの年齢(月齢)</t>
    <rPh sb="4" eb="6">
      <t>ネンレイ</t>
    </rPh>
    <rPh sb="7" eb="9">
      <t>ゲツレイ</t>
    </rPh>
    <phoneticPr fontId="1"/>
  </si>
  <si>
    <t>こどもの性別</t>
    <rPh sb="4" eb="6">
      <t>セイベツ</t>
    </rPh>
    <phoneticPr fontId="1"/>
  </si>
  <si>
    <r>
      <t xml:space="preserve">施設入所年月日
</t>
    </r>
    <r>
      <rPr>
        <sz val="6"/>
        <rFont val="ＭＳ Ｐゴシック"/>
        <family val="3"/>
        <charset val="128"/>
        <scheme val="major"/>
      </rPr>
      <t>(入園年月日、事業利用開始年月日等)</t>
    </r>
    <rPh sb="0" eb="2">
      <t>シセツ</t>
    </rPh>
    <rPh sb="2" eb="4">
      <t>ニュウショ</t>
    </rPh>
    <rPh sb="4" eb="5">
      <t>ネン</t>
    </rPh>
    <rPh sb="5" eb="6">
      <t>ツキ</t>
    </rPh>
    <rPh sb="6" eb="7">
      <t>ビ</t>
    </rPh>
    <rPh sb="9" eb="11">
      <t>ニュウエン</t>
    </rPh>
    <rPh sb="11" eb="14">
      <t>ネンガッピ</t>
    </rPh>
    <rPh sb="15" eb="21">
      <t>ジギョウリヨウカイシ</t>
    </rPh>
    <rPh sb="21" eb="24">
      <t>ネンガッピ</t>
    </rPh>
    <rPh sb="24" eb="25">
      <t>トウ</t>
    </rPh>
    <phoneticPr fontId="1"/>
  </si>
  <si>
    <t>所属クラス等</t>
    <rPh sb="0" eb="2">
      <t>ショゾク</t>
    </rPh>
    <rPh sb="5" eb="6">
      <t>トウ</t>
    </rPh>
    <phoneticPr fontId="1"/>
  </si>
  <si>
    <r>
      <t xml:space="preserve">特記事項
</t>
    </r>
    <r>
      <rPr>
        <sz val="6"/>
        <rFont val="ＭＳ Ｐゴシック"/>
        <family val="3"/>
        <charset val="128"/>
        <scheme val="major"/>
      </rPr>
      <t>（事故と因子関係がある持病、アレルギー、既往症、発育・発達状況等）</t>
    </r>
    <rPh sb="0" eb="4">
      <t>トッキジコウ</t>
    </rPh>
    <rPh sb="25" eb="28">
      <t>キオウショウ</t>
    </rPh>
    <phoneticPr fontId="1"/>
  </si>
  <si>
    <t>事故発生時の状況</t>
    <rPh sb="0" eb="2">
      <t>ジコ</t>
    </rPh>
    <rPh sb="2" eb="5">
      <t>ハッセイジ</t>
    </rPh>
    <rPh sb="6" eb="8">
      <t>ジョウキョウ</t>
    </rPh>
    <phoneticPr fontId="1"/>
  </si>
  <si>
    <t>事故発生年月日</t>
    <rPh sb="0" eb="2">
      <t>ジコ</t>
    </rPh>
    <rPh sb="2" eb="4">
      <t>ハッセイ</t>
    </rPh>
    <rPh sb="4" eb="5">
      <t>ネン</t>
    </rPh>
    <rPh sb="5" eb="6">
      <t>ツキ</t>
    </rPh>
    <rPh sb="6" eb="7">
      <t>ビ</t>
    </rPh>
    <phoneticPr fontId="1"/>
  </si>
  <si>
    <t>事故発生時間帯</t>
    <rPh sb="0" eb="2">
      <t>ジコ</t>
    </rPh>
    <rPh sb="2" eb="4">
      <t>ハッセイ</t>
    </rPh>
    <rPh sb="4" eb="6">
      <t>ジカン</t>
    </rPh>
    <rPh sb="6" eb="7">
      <t>タイ</t>
    </rPh>
    <phoneticPr fontId="1"/>
  </si>
  <si>
    <t>事故発生場所</t>
    <rPh sb="0" eb="2">
      <t>ジコ</t>
    </rPh>
    <rPh sb="2" eb="4">
      <t>ハッセイ</t>
    </rPh>
    <rPh sb="4" eb="6">
      <t>バショ</t>
    </rPh>
    <phoneticPr fontId="1"/>
  </si>
  <si>
    <t>事故発生クラス等</t>
    <rPh sb="0" eb="2">
      <t>ジコ</t>
    </rPh>
    <rPh sb="2" eb="4">
      <t>ハッセイ</t>
    </rPh>
    <rPh sb="7" eb="8">
      <t>トウ</t>
    </rPh>
    <phoneticPr fontId="1"/>
  </si>
  <si>
    <t>事故発生時のこどもの人数</t>
    <rPh sb="0" eb="2">
      <t>ジコ</t>
    </rPh>
    <rPh sb="2" eb="5">
      <t>ハッセイジ</t>
    </rPh>
    <rPh sb="10" eb="12">
      <t>ニンズウ</t>
    </rPh>
    <phoneticPr fontId="1"/>
  </si>
  <si>
    <t>事故発生時の
教育・保育等従事者数</t>
    <rPh sb="0" eb="5">
      <t>ジコハッセイジ</t>
    </rPh>
    <rPh sb="7" eb="9">
      <t>キョウイク</t>
    </rPh>
    <rPh sb="10" eb="12">
      <t>ホイク</t>
    </rPh>
    <rPh sb="12" eb="13">
      <t>トウ</t>
    </rPh>
    <rPh sb="13" eb="16">
      <t>ジュウジシャ</t>
    </rPh>
    <rPh sb="16" eb="17">
      <t>スウ</t>
    </rPh>
    <phoneticPr fontId="1"/>
  </si>
  <si>
    <t>うち保育教諭・幼稚園教諭・保育士・放課後児童支援員等</t>
    <rPh sb="13" eb="16">
      <t>ホイクシ</t>
    </rPh>
    <rPh sb="17" eb="20">
      <t>ホウカゴ</t>
    </rPh>
    <rPh sb="20" eb="25">
      <t>ジドウシエンイン</t>
    </rPh>
    <rPh sb="25" eb="26">
      <t>トウ</t>
    </rPh>
    <phoneticPr fontId="1"/>
  </si>
  <si>
    <t>0歳</t>
    <rPh sb="1" eb="2">
      <t>サイ</t>
    </rPh>
    <phoneticPr fontId="1"/>
  </si>
  <si>
    <t>1歳</t>
    <rPh sb="1" eb="2">
      <t>サイ</t>
    </rPh>
    <phoneticPr fontId="1"/>
  </si>
  <si>
    <t>2歳</t>
    <rPh sb="1" eb="2">
      <t>サイ</t>
    </rPh>
    <phoneticPr fontId="1"/>
  </si>
  <si>
    <t>3歳</t>
    <rPh sb="1" eb="2">
      <t>サイ</t>
    </rPh>
    <phoneticPr fontId="1"/>
  </si>
  <si>
    <t>4歳</t>
    <rPh sb="1" eb="2">
      <t>サイ</t>
    </rPh>
    <phoneticPr fontId="1"/>
  </si>
  <si>
    <t>5歳以上</t>
    <rPh sb="1" eb="2">
      <t>サイ</t>
    </rPh>
    <rPh sb="2" eb="4">
      <t>イジョウ</t>
    </rPh>
    <phoneticPr fontId="1"/>
  </si>
  <si>
    <t>学童</t>
    <rPh sb="0" eb="2">
      <t>ガクドウ</t>
    </rPh>
    <phoneticPr fontId="1"/>
  </si>
  <si>
    <t>その他</t>
    <rPh sb="2" eb="3">
      <t>タ</t>
    </rPh>
    <phoneticPr fontId="1"/>
  </si>
  <si>
    <t>事故発生時の状況</t>
    <rPh sb="0" eb="2">
      <t>ジコ</t>
    </rPh>
    <rPh sb="2" eb="4">
      <t>ハッセイ</t>
    </rPh>
    <rPh sb="4" eb="5">
      <t>ジ</t>
    </rPh>
    <rPh sb="6" eb="8">
      <t>ジョウキョウ</t>
    </rPh>
    <phoneticPr fontId="1"/>
  </si>
  <si>
    <t>事故の誘因</t>
    <rPh sb="0" eb="2">
      <t>ジコ</t>
    </rPh>
    <rPh sb="3" eb="5">
      <t>ユウイン</t>
    </rPh>
    <phoneticPr fontId="1"/>
  </si>
  <si>
    <t>事故の転帰</t>
    <rPh sb="0" eb="2">
      <t>ジコ</t>
    </rPh>
    <rPh sb="3" eb="5">
      <t>テンキ</t>
    </rPh>
    <phoneticPr fontId="1"/>
  </si>
  <si>
    <t>(死亡の場合）死因</t>
    <rPh sb="1" eb="3">
      <t>シボウ</t>
    </rPh>
    <rPh sb="4" eb="6">
      <t>バアイ</t>
    </rPh>
    <rPh sb="7" eb="9">
      <t>シイン</t>
    </rPh>
    <phoneticPr fontId="1"/>
  </si>
  <si>
    <t>(負傷の場合）受傷部位</t>
    <phoneticPr fontId="1"/>
  </si>
  <si>
    <t>(負傷の場合）負傷状況</t>
    <phoneticPr fontId="1"/>
  </si>
  <si>
    <t>診断名、病状、病院名</t>
    <rPh sb="0" eb="3">
      <t>シンダンメイ</t>
    </rPh>
    <rPh sb="4" eb="6">
      <t>ビョウジョウ</t>
    </rPh>
    <rPh sb="7" eb="10">
      <t>ビョウインメイ</t>
    </rPh>
    <phoneticPr fontId="1"/>
  </si>
  <si>
    <t xml:space="preserve">診断名 </t>
    <rPh sb="0" eb="3">
      <t>シンダンメイ</t>
    </rPh>
    <phoneticPr fontId="1"/>
  </si>
  <si>
    <r>
      <t>病状</t>
    </r>
    <r>
      <rPr>
        <b/>
        <sz val="9"/>
        <rFont val="ＭＳ Ｐゴシック"/>
        <family val="3"/>
        <charset val="128"/>
        <scheme val="major"/>
      </rPr>
      <t xml:space="preserve"> </t>
    </r>
    <rPh sb="0" eb="2">
      <t>ビョウジョウ</t>
    </rPh>
    <phoneticPr fontId="1"/>
  </si>
  <si>
    <t>病院名</t>
    <rPh sb="0" eb="3">
      <t>ビョウインメイ</t>
    </rPh>
    <phoneticPr fontId="1"/>
  </si>
  <si>
    <r>
      <rPr>
        <sz val="9"/>
        <rFont val="ＭＳ Ｐゴシック"/>
        <family val="3"/>
        <charset val="128"/>
        <scheme val="major"/>
      </rPr>
      <t>　　　事故の発生状況</t>
    </r>
    <r>
      <rPr>
        <sz val="8"/>
        <rFont val="ＭＳ Ｐゴシック"/>
        <family val="3"/>
        <charset val="128"/>
        <scheme val="major"/>
      </rPr>
      <t xml:space="preserve">
</t>
    </r>
    <r>
      <rPr>
        <sz val="6"/>
        <rFont val="ＭＳ Ｐゴシック"/>
        <family val="3"/>
        <charset val="128"/>
        <scheme val="major"/>
      </rPr>
      <t>（当日登園時からの健康状況、発生後の処置を含めて可能な限り詳細に記載。第１報で可能な範囲で記載し、第2報以降で修正。）</t>
    </r>
    <rPh sb="3" eb="5">
      <t>ジコ</t>
    </rPh>
    <rPh sb="6" eb="10">
      <t>ハッセイジョウキョウ</t>
    </rPh>
    <rPh sb="12" eb="14">
      <t>トウジツ</t>
    </rPh>
    <rPh sb="14" eb="17">
      <t>トウエンジ</t>
    </rPh>
    <rPh sb="20" eb="22">
      <t>ケンコウ</t>
    </rPh>
    <rPh sb="22" eb="24">
      <t>ジョウキョウ</t>
    </rPh>
    <rPh sb="25" eb="28">
      <t>ハッセイゴ</t>
    </rPh>
    <rPh sb="29" eb="31">
      <t>ショチ</t>
    </rPh>
    <rPh sb="32" eb="33">
      <t>フク</t>
    </rPh>
    <rPh sb="35" eb="37">
      <t>カノウ</t>
    </rPh>
    <rPh sb="38" eb="39">
      <t>カギ</t>
    </rPh>
    <rPh sb="40" eb="42">
      <t>ショウサイ</t>
    </rPh>
    <rPh sb="43" eb="45">
      <t>キサイ</t>
    </rPh>
    <rPh sb="46" eb="47">
      <t>ダイ</t>
    </rPh>
    <rPh sb="48" eb="49">
      <t>ホウ</t>
    </rPh>
    <rPh sb="50" eb="52">
      <t>カノウ</t>
    </rPh>
    <rPh sb="53" eb="55">
      <t>ハンイ</t>
    </rPh>
    <rPh sb="56" eb="58">
      <t>キサイ</t>
    </rPh>
    <rPh sb="60" eb="61">
      <t>ダイ</t>
    </rPh>
    <rPh sb="62" eb="65">
      <t>ホウイコウ</t>
    </rPh>
    <rPh sb="66" eb="68">
      <t>シュウセイ</t>
    </rPh>
    <phoneticPr fontId="1"/>
  </si>
  <si>
    <r>
      <rPr>
        <sz val="9"/>
        <rFont val="ＭＳ Ｐゴシック"/>
        <family val="3"/>
        <charset val="128"/>
        <scheme val="major"/>
      </rPr>
      <t>　　事故発生後の対応</t>
    </r>
    <r>
      <rPr>
        <sz val="8"/>
        <rFont val="ＭＳ Ｐゴシック"/>
        <family val="3"/>
        <charset val="128"/>
        <scheme val="major"/>
      </rPr>
      <t xml:space="preserve">
</t>
    </r>
    <r>
      <rPr>
        <sz val="6"/>
        <rFont val="ＭＳ Ｐゴシック"/>
        <family val="3"/>
        <charset val="128"/>
        <scheme val="major"/>
      </rPr>
      <t>（報道発表を行う（行った）場合にはその予定（実績）。第2報以降で追記。）</t>
    </r>
    <rPh sb="2" eb="4">
      <t>ジコ</t>
    </rPh>
    <rPh sb="4" eb="6">
      <t>ハッセイ</t>
    </rPh>
    <rPh sb="6" eb="7">
      <t>ゴ</t>
    </rPh>
    <rPh sb="8" eb="10">
      <t>タイオウ</t>
    </rPh>
    <rPh sb="12" eb="14">
      <t>ホウドウ</t>
    </rPh>
    <rPh sb="14" eb="16">
      <t>ハッピョウ</t>
    </rPh>
    <rPh sb="17" eb="18">
      <t>オコナ</t>
    </rPh>
    <rPh sb="20" eb="21">
      <t>オコナ</t>
    </rPh>
    <rPh sb="24" eb="26">
      <t>バアイ</t>
    </rPh>
    <rPh sb="30" eb="32">
      <t>ヨテイ</t>
    </rPh>
    <rPh sb="33" eb="35">
      <t>ジッセキ</t>
    </rPh>
    <rPh sb="37" eb="38">
      <t>ダイ</t>
    </rPh>
    <rPh sb="39" eb="40">
      <t>ホウ</t>
    </rPh>
    <rPh sb="40" eb="42">
      <t>イコウ</t>
    </rPh>
    <rPh sb="43" eb="45">
      <t>ツイキ</t>
    </rPh>
    <phoneticPr fontId="1"/>
  </si>
  <si>
    <t>ソフト面</t>
    <rPh sb="3" eb="4">
      <t>メン</t>
    </rPh>
    <phoneticPr fontId="1"/>
  </si>
  <si>
    <t>事故防止マニュアル</t>
    <rPh sb="0" eb="2">
      <t>ジコ</t>
    </rPh>
    <rPh sb="2" eb="4">
      <t>ボウシ</t>
    </rPh>
    <phoneticPr fontId="1"/>
  </si>
  <si>
    <t>具体的内容</t>
    <rPh sb="0" eb="5">
      <t>グタイテキナイヨウ</t>
    </rPh>
    <phoneticPr fontId="1"/>
  </si>
  <si>
    <t>事故防止に関する研修</t>
    <rPh sb="0" eb="4">
      <t>ジコボウシ</t>
    </rPh>
    <rPh sb="5" eb="6">
      <t>カン</t>
    </rPh>
    <rPh sb="8" eb="10">
      <t>ケンシュウ</t>
    </rPh>
    <phoneticPr fontId="1"/>
  </si>
  <si>
    <r>
      <t xml:space="preserve">実施頻度
</t>
    </r>
    <r>
      <rPr>
        <sz val="6"/>
        <rFont val="ＭＳ Ｐゴシック"/>
        <family val="3"/>
        <charset val="128"/>
        <scheme val="major"/>
      </rPr>
      <t>(回／年)</t>
    </r>
    <rPh sb="0" eb="4">
      <t>ジッシヒンド</t>
    </rPh>
    <rPh sb="6" eb="7">
      <t>カイ</t>
    </rPh>
    <rPh sb="8" eb="9">
      <t>ネン</t>
    </rPh>
    <phoneticPr fontId="1"/>
  </si>
  <si>
    <t>職員配置</t>
    <rPh sb="0" eb="2">
      <t>ショクイン</t>
    </rPh>
    <rPh sb="2" eb="4">
      <t>ハイチ</t>
    </rPh>
    <phoneticPr fontId="1"/>
  </si>
  <si>
    <t>その他の要因・分析・特記事項</t>
    <rPh sb="2" eb="3">
      <t>タ</t>
    </rPh>
    <rPh sb="4" eb="6">
      <t>ヨウイン</t>
    </rPh>
    <rPh sb="7" eb="9">
      <t>ブンセキ</t>
    </rPh>
    <rPh sb="10" eb="14">
      <t>トッキジコウ</t>
    </rPh>
    <phoneticPr fontId="1"/>
  </si>
  <si>
    <r>
      <t>改善策</t>
    </r>
    <r>
      <rPr>
        <sz val="9"/>
        <color rgb="FFFF0000"/>
        <rFont val="ＭＳ Ｐゴシック"/>
        <family val="3"/>
        <charset val="128"/>
        <scheme val="major"/>
      </rPr>
      <t>【必須】</t>
    </r>
    <rPh sb="0" eb="3">
      <t>カイゼンサク</t>
    </rPh>
    <rPh sb="4" eb="6">
      <t>ヒッス</t>
    </rPh>
    <phoneticPr fontId="1"/>
  </si>
  <si>
    <t>ハード面</t>
    <rPh sb="3" eb="4">
      <t>メン</t>
    </rPh>
    <phoneticPr fontId="1"/>
  </si>
  <si>
    <t>施設の安全点検</t>
    <rPh sb="0" eb="2">
      <t>シセツ</t>
    </rPh>
    <rPh sb="3" eb="7">
      <t>アンゼンテンケン</t>
    </rPh>
    <phoneticPr fontId="1"/>
  </si>
  <si>
    <t>遊具の安全点検</t>
    <rPh sb="0" eb="2">
      <t>ユウグ</t>
    </rPh>
    <rPh sb="3" eb="7">
      <t>アンゼンテンケン</t>
    </rPh>
    <phoneticPr fontId="1"/>
  </si>
  <si>
    <t>玩具の安全点検</t>
    <rPh sb="0" eb="2">
      <t>ガング</t>
    </rPh>
    <rPh sb="3" eb="7">
      <t>アンゼンテンケン</t>
    </rPh>
    <phoneticPr fontId="1"/>
  </si>
  <si>
    <t>環境面</t>
    <rPh sb="0" eb="3">
      <t>カンキョウメン</t>
    </rPh>
    <phoneticPr fontId="1"/>
  </si>
  <si>
    <t>教育・保育の状況</t>
    <rPh sb="0" eb="2">
      <t>キョウイク</t>
    </rPh>
    <rPh sb="3" eb="5">
      <t>ホイク</t>
    </rPh>
    <rPh sb="6" eb="8">
      <t>ジョウキョウ</t>
    </rPh>
    <phoneticPr fontId="1"/>
  </si>
  <si>
    <t>人的面</t>
    <rPh sb="0" eb="2">
      <t>ジンテキ</t>
    </rPh>
    <rPh sb="2" eb="3">
      <t>メン</t>
    </rPh>
    <phoneticPr fontId="1"/>
  </si>
  <si>
    <t>対象児の動き</t>
    <rPh sb="0" eb="3">
      <t>タイショウジ</t>
    </rPh>
    <rPh sb="4" eb="5">
      <t>ウゴ</t>
    </rPh>
    <phoneticPr fontId="1"/>
  </si>
  <si>
    <t>担当職員の動き</t>
    <rPh sb="0" eb="4">
      <t>タントウショクイン</t>
    </rPh>
    <rPh sb="5" eb="6">
      <t>ウゴ</t>
    </rPh>
    <phoneticPr fontId="1"/>
  </si>
  <si>
    <t>他の職員の動き</t>
    <rPh sb="0" eb="1">
      <t>タ</t>
    </rPh>
    <rPh sb="2" eb="4">
      <t>ショクイン</t>
    </rPh>
    <rPh sb="5" eb="6">
      <t>ウゴ</t>
    </rPh>
    <phoneticPr fontId="1"/>
  </si>
  <si>
    <r>
      <t>自治体コメント</t>
    </r>
    <r>
      <rPr>
        <b/>
        <sz val="12"/>
        <color rgb="FFFF0000"/>
        <rFont val="ＭＳ Ｐゴシック"/>
        <family val="3"/>
        <charset val="128"/>
        <scheme val="major"/>
      </rPr>
      <t xml:space="preserve">【必須】
</t>
    </r>
    <r>
      <rPr>
        <b/>
        <sz val="6"/>
        <rFont val="ＭＳ Ｐゴシック"/>
        <family val="3"/>
        <charset val="128"/>
        <scheme val="major"/>
      </rPr>
      <t>（自治体による事故発生の要因分析等を記載してください。施設・事業者は記載しないでください。）</t>
    </r>
    <rPh sb="0" eb="3">
      <t>ジチタイ</t>
    </rPh>
    <rPh sb="8" eb="10">
      <t>ヒッス</t>
    </rPh>
    <rPh sb="13" eb="16">
      <t>ジチタイ</t>
    </rPh>
    <rPh sb="19" eb="23">
      <t>ジコハッセイ</t>
    </rPh>
    <rPh sb="24" eb="26">
      <t>ヨウイン</t>
    </rPh>
    <rPh sb="26" eb="28">
      <t>ブンセキ</t>
    </rPh>
    <rPh sb="28" eb="29">
      <t>トウ</t>
    </rPh>
    <rPh sb="30" eb="32">
      <t>キサイ</t>
    </rPh>
    <rPh sb="39" eb="41">
      <t>シセツ</t>
    </rPh>
    <rPh sb="42" eb="45">
      <t>ジギョウシャ</t>
    </rPh>
    <rPh sb="46" eb="48">
      <t>キサイ</t>
    </rPh>
    <phoneticPr fontId="1"/>
  </si>
  <si>
    <t>【施設・事業所別の報告先】</t>
    <rPh sb="1" eb="3">
      <t>シセツ</t>
    </rPh>
    <rPh sb="4" eb="7">
      <t>ジギョウショ</t>
    </rPh>
    <rPh sb="7" eb="8">
      <t>ベツ</t>
    </rPh>
    <rPh sb="9" eb="11">
      <t>ホウコク</t>
    </rPh>
    <rPh sb="11" eb="12">
      <t>サキ</t>
    </rPh>
    <phoneticPr fontId="1"/>
  </si>
  <si>
    <t>①　特定教育・保育施設（幼稚園、幼稚園型認定こども園を除く。）、特定地域型保育事業、一時預かり事業（幼稚園、幼稚園型認定こども園で実施する場合を除く。）、病児保育事業（幼稚園、幼稚園型認定こども園で実施する場合を除く。）及び認可外保育施設（企業主導型保育施設を含む。）</t>
    <phoneticPr fontId="1"/>
  </si>
  <si>
    <t>②　幼稚園、幼稚園型認定こども園</t>
    <phoneticPr fontId="1"/>
  </si>
  <si>
    <t>【全施設・事業所共通の報告先】</t>
    <rPh sb="1" eb="2">
      <t>ゼン</t>
    </rPh>
    <rPh sb="2" eb="4">
      <t>シセツ</t>
    </rPh>
    <rPh sb="5" eb="8">
      <t>ジギョウショ</t>
    </rPh>
    <rPh sb="8" eb="10">
      <t>キョウツウ</t>
    </rPh>
    <rPh sb="11" eb="14">
      <t>ホウコクサキ</t>
    </rPh>
    <phoneticPr fontId="1"/>
  </si>
  <si>
    <t>教育・保育施設等事故報告書（記載例）</t>
    <rPh sb="0" eb="2">
      <t>キョウイク</t>
    </rPh>
    <rPh sb="3" eb="5">
      <t>ホイク</t>
    </rPh>
    <rPh sb="5" eb="7">
      <t>シセツ</t>
    </rPh>
    <rPh sb="7" eb="8">
      <t>トウ</t>
    </rPh>
    <rPh sb="8" eb="10">
      <t>ジコ</t>
    </rPh>
    <rPh sb="10" eb="12">
      <t>ホウコク</t>
    </rPh>
    <rPh sb="12" eb="13">
      <t>ショ</t>
    </rPh>
    <rPh sb="14" eb="17">
      <t>キサイレイ</t>
    </rPh>
    <phoneticPr fontId="1"/>
  </si>
  <si>
    <t>第1報</t>
  </si>
  <si>
    <t>Cこども園</t>
    <rPh sb="4" eb="5">
      <t>エン</t>
    </rPh>
    <phoneticPr fontId="1"/>
  </si>
  <si>
    <t>令和6年</t>
  </si>
  <si>
    <t>1月</t>
  </si>
  <si>
    <t>11日</t>
  </si>
  <si>
    <t>B市中央区D町１－１－１</t>
    <rPh sb="1" eb="2">
      <t>シ</t>
    </rPh>
    <rPh sb="2" eb="4">
      <t>チュウオウ</t>
    </rPh>
    <rPh sb="4" eb="5">
      <t>ク</t>
    </rPh>
    <rPh sb="6" eb="7">
      <t>マチ</t>
    </rPh>
    <phoneticPr fontId="1"/>
  </si>
  <si>
    <t>A県</t>
    <phoneticPr fontId="1"/>
  </si>
  <si>
    <t>B市</t>
    <rPh sb="1" eb="2">
      <t>シ</t>
    </rPh>
    <phoneticPr fontId="1"/>
  </si>
  <si>
    <t>幼保連携型認定こども園</t>
  </si>
  <si>
    <t>認可</t>
  </si>
  <si>
    <t>令和2年</t>
    <rPh sb="0" eb="2">
      <t>レイワ</t>
    </rPh>
    <rPh sb="3" eb="4">
      <t>ネン</t>
    </rPh>
    <phoneticPr fontId="1"/>
  </si>
  <si>
    <t>4月</t>
  </si>
  <si>
    <t>1日</t>
  </si>
  <si>
    <t>2歳</t>
  </si>
  <si>
    <t>8か月</t>
  </si>
  <si>
    <t>男</t>
  </si>
  <si>
    <t>令和5年</t>
  </si>
  <si>
    <t>3歳児クラス</t>
  </si>
  <si>
    <t>※　事故と因子関係がある場合の、当該こどもの教育・保育において留意が必要な事項（気管切開による吸引等の医療行為、経過観察中の疾病名等）についても、この欄に記載してください。</t>
    <rPh sb="75" eb="76">
      <t>ラン</t>
    </rPh>
    <phoneticPr fontId="1"/>
  </si>
  <si>
    <t>昼食時・おやつ時</t>
  </si>
  <si>
    <t>施設内(室内)</t>
  </si>
  <si>
    <t>異年齢構成</t>
  </si>
  <si>
    <t>食事中(おやつ含む)</t>
  </si>
  <si>
    <t>死亡</t>
  </si>
  <si>
    <t>※　SIDSについては、確定診断が出された時のみ記載してください。</t>
    <phoneticPr fontId="1"/>
  </si>
  <si>
    <t>※　SIDS疑いの場合は、病状として記載してください。</t>
    <phoneticPr fontId="1"/>
  </si>
  <si>
    <t>I総合病院</t>
    <rPh sb="1" eb="3">
      <t>ソウゴウ</t>
    </rPh>
    <rPh sb="3" eb="5">
      <t>ビョウイン</t>
    </rPh>
    <phoneticPr fontId="1"/>
  </si>
  <si>
    <t>15：20　本児はケーキ（縦２㎝、横２㎝、厚さ２㎝））をほおばりながら食べるという食べ方をしていた。
　　　　　2つ目に手を伸ばし、食べていた。この時、担任保育士は少し離れた場所で他児の世話をしていた。
　　　　　ケーキを食べた本児が急に声を出して泣き出した。
　　　　　保育士が口内に指を入れて、かき出していたが本児の唇が青くなったことに気がついた。
15：25 　看護師を部屋に呼んだ後、救急車を要請。口に手を入れ開かせた。
　　　　　背中を強く叩いたが、何も出てこない。泣き声が次第にかすれ声になり、体が硬直してきた。
　　　　　看護師が到着した頃に、チアノーゼの症状が見られた。呼吸困難で、手は脱力した状態であることを確認した。
　　　　　看護師が脈をとるとかなり微弱で、瞳孔が拡大している。本児がぐったりとし、顔等が冷たいのを確認した。
　　　　　心臓を確認すると、止まっている様に感じ、心臓マッサージを行う。
15：33　救急隊が到着し、心肺蘇生等を実施し、病院へ搬送。
15：45　病院到着。意識不明であり、入院。　　○/○　意識が回復しないまま死亡。</t>
    <phoneticPr fontId="1"/>
  </si>
  <si>
    <t>あり</t>
  </si>
  <si>
    <t>不定期に実施</t>
  </si>
  <si>
    <t>※　実施している場合は、研修内容・対象者・講師等も簡単に記載してください。</t>
    <phoneticPr fontId="1"/>
  </si>
  <si>
    <t>基準配置</t>
  </si>
  <si>
    <t>※　事故発生時ではなく、事故発生当日の保育体制としての配置人数について記載してください。</t>
    <phoneticPr fontId="1"/>
  </si>
  <si>
    <t>※　要因分析の項目を記載した場合は必ず記載してください。また、改善点がない場合もその理由を記載してください。</t>
    <phoneticPr fontId="1"/>
  </si>
  <si>
    <t>定期的に実施</t>
  </si>
  <si>
    <t>※　寝具の種類（コット、布団（堅さも）、ベビーベット、ラックなど）、睡眠チェックの方法（頻度など）、児童の発達状況（寝返り開始前、寝返り開始から日が浅い場合は経過日数、自由に動けるなど）等、乳児の睡眠環境については、特に詳細に記載してください。分析も含めた特記事項等、当該事故に関連することを記載してください。</t>
    <rPh sb="146" eb="148">
      <t>キサイ</t>
    </rPh>
    <phoneticPr fontId="1"/>
  </si>
  <si>
    <t>食事(おやつ)中</t>
  </si>
  <si>
    <t>※　運動会の練習中、午睡後の集団遊び中等、具体的な保育状況を記載してください。</t>
    <phoneticPr fontId="1"/>
  </si>
  <si>
    <t>※　分析も含めた特記事項等、当該事故に関連することを記載してください。</t>
    <rPh sb="26" eb="28">
      <t>キサイ</t>
    </rPh>
    <phoneticPr fontId="1"/>
  </si>
  <si>
    <t>※　なぜそのような行動をとったのかを明らかにするため、具体的に記載してください。
（例：朝、母親より風邪気味と申し送りあり、いつもは外遊びをするが室内で遊んでいた等）</t>
    <phoneticPr fontId="1"/>
  </si>
  <si>
    <t>対象児から離れたところで対象児を見ていた</t>
  </si>
  <si>
    <t>※　なぜそのような対応をしたのかを明らかにするため、具体的に記載してください。
（例：雲梯の反対側で対象児ともう一人の児童を見ていたが、対象児が落下する瞬間に手を差し伸べたが間に合わなかった等）</t>
    <phoneticPr fontId="1"/>
  </si>
  <si>
    <t>担当者・対象児の動きを見ていなかった</t>
  </si>
  <si>
    <t>※　なぜそのような対応をしたのかを明らかにするため、具体的に記載してください。
（例：園庭で他児のトラブルに対応していたため、見ていなかった等）</t>
    <phoneticPr fontId="1"/>
  </si>
  <si>
    <t>※　自治体の立ち入り検査や第三者評価の結果、勧告や改善命令などの履歴があるかどうか、その結果や改善勧告への対応、今後の研修計画等あればその内容等、所管自治体として把握していること、取り組んでいることも含めて記載してください。</t>
    <phoneticPr fontId="1"/>
  </si>
  <si>
    <t>特定教育・保育施設等における事故情報データベースに掲載する情報</t>
    <rPh sb="25" eb="27">
      <t>ケイサイ</t>
    </rPh>
    <rPh sb="29" eb="31">
      <t>ジョウホウ</t>
    </rPh>
    <phoneticPr fontId="1"/>
  </si>
  <si>
    <t>掲載しない情報</t>
    <rPh sb="0" eb="2">
      <t>ケイサイ</t>
    </rPh>
    <rPh sb="5" eb="7">
      <t>ジョウホウ</t>
    </rPh>
    <phoneticPr fontId="1"/>
  </si>
  <si>
    <t>掲載する情報</t>
    <rPh sb="0" eb="2">
      <t>ケイサイ</t>
    </rPh>
    <rPh sb="4" eb="6">
      <t>ジョウホウ</t>
    </rPh>
    <phoneticPr fontId="1"/>
  </si>
  <si>
    <t>事故報告自治体</t>
    <rPh sb="0" eb="7">
      <t>ジコホウコクジチタイ</t>
    </rPh>
    <phoneticPr fontId="1"/>
  </si>
  <si>
    <t>施設・事業所名称</t>
    <rPh sb="0" eb="2">
      <t>シセツ</t>
    </rPh>
    <rPh sb="3" eb="6">
      <t>ジギョウショ</t>
    </rPh>
    <rPh sb="6" eb="8">
      <t>メイショウ</t>
    </rPh>
    <phoneticPr fontId="1"/>
  </si>
  <si>
    <t>事故の発生状況（表面）</t>
    <rPh sb="0" eb="2">
      <t>ジコ</t>
    </rPh>
    <rPh sb="3" eb="7">
      <t>ハッセイジョウキョウ</t>
    </rPh>
    <rPh sb="8" eb="10">
      <t>オモテメン</t>
    </rPh>
    <phoneticPr fontId="1"/>
  </si>
  <si>
    <t>自治体コメント（裏面）</t>
    <rPh sb="0" eb="3">
      <t>ジチタイ</t>
    </rPh>
    <rPh sb="8" eb="10">
      <t>リメン</t>
    </rPh>
    <phoneticPr fontId="1"/>
  </si>
  <si>
    <t>保護者の同意</t>
    <rPh sb="0" eb="3">
      <t>ホゴシャ</t>
    </rPh>
    <rPh sb="4" eb="6">
      <t>ドウイ</t>
    </rPh>
    <phoneticPr fontId="1"/>
  </si>
  <si>
    <t>※　本通知に基づき報告があった事故の情報について、データベース化したものを公表しています。
※　「DB掲載用」シートの「事故の発生状況」欄は、教育・保育施設等事故報告書（表面）の「事故の発生状況」に記載された内容、「自治体コメント」欄は、同報告書（裏面）の「自治体コメント」に記載された内容を参照してください（日付、個人名、病院名等の個人情報が掲載されないよう自治体において確認し、必要に応じて削除、黒塗り等によって修正してください。）。
※　データベースについては、発生した事故に関する情報を収集し、今後の事故防止に資するために作成しているという趣旨を御理解いただき、掲載について保護者の方の同意を得た上で、「保護者の同意」欄に○印を付していただくようお願いします。</t>
    <rPh sb="2" eb="3">
      <t>ホン</t>
    </rPh>
    <rPh sb="3" eb="5">
      <t>ツウチ</t>
    </rPh>
    <rPh sb="6" eb="7">
      <t>モト</t>
    </rPh>
    <rPh sb="234" eb="236">
      <t>ハッセイ</t>
    </rPh>
    <rPh sb="238" eb="240">
      <t>ジコ</t>
    </rPh>
    <rPh sb="241" eb="242">
      <t>カン</t>
    </rPh>
    <rPh sb="244" eb="246">
      <t>ジョウホウ</t>
    </rPh>
    <rPh sb="247" eb="249">
      <t>シュウシュウ</t>
    </rPh>
    <rPh sb="251" eb="253">
      <t>コンゴ</t>
    </rPh>
    <rPh sb="254" eb="256">
      <t>ジコ</t>
    </rPh>
    <rPh sb="256" eb="258">
      <t>ボウシ</t>
    </rPh>
    <rPh sb="259" eb="260">
      <t>シ</t>
    </rPh>
    <rPh sb="265" eb="267">
      <t>サクセイ</t>
    </rPh>
    <rPh sb="274" eb="276">
      <t>シュシ</t>
    </rPh>
    <rPh sb="277" eb="278">
      <t>ゴ</t>
    </rPh>
    <rPh sb="278" eb="280">
      <t>リカイ</t>
    </rPh>
    <rPh sb="285" eb="287">
      <t>ケイサイ</t>
    </rPh>
    <rPh sb="291" eb="294">
      <t>ホゴシャ</t>
    </rPh>
    <rPh sb="295" eb="296">
      <t>カタ</t>
    </rPh>
    <rPh sb="297" eb="299">
      <t>ドウイ</t>
    </rPh>
    <rPh sb="300" eb="301">
      <t>エ</t>
    </rPh>
    <rPh sb="302" eb="303">
      <t>ウエ</t>
    </rPh>
    <rPh sb="306" eb="309">
      <t>ホゴシャ</t>
    </rPh>
    <rPh sb="310" eb="312">
      <t>ドウイ</t>
    </rPh>
    <rPh sb="313" eb="314">
      <t>ラン</t>
    </rPh>
    <rPh sb="316" eb="317">
      <t>ジルシ</t>
    </rPh>
    <rPh sb="318" eb="319">
      <t>フ</t>
    </rPh>
    <rPh sb="328" eb="329">
      <t>ネガ</t>
    </rPh>
    <phoneticPr fontId="1"/>
  </si>
  <si>
    <t>※「表面」・「裏面」の記載事項が自動反映されます。このシートの削除やセルの値の変更はしないでください。</t>
    <rPh sb="2" eb="4">
      <t>オモテメン</t>
    </rPh>
    <rPh sb="7" eb="9">
      <t>リメン</t>
    </rPh>
    <rPh sb="11" eb="15">
      <t>キサイジコウ</t>
    </rPh>
    <rPh sb="16" eb="20">
      <t>ジドウハンエイ</t>
    </rPh>
    <rPh sb="31" eb="33">
      <t>サクジョ</t>
    </rPh>
    <rPh sb="37" eb="38">
      <t>アタイ</t>
    </rPh>
    <rPh sb="39" eb="41">
      <t>ヘンコウ</t>
    </rPh>
    <phoneticPr fontId="1"/>
  </si>
  <si>
    <t>事故の概要</t>
    <rPh sb="0" eb="2">
      <t>ジコ</t>
    </rPh>
    <rPh sb="3" eb="5">
      <t>ガイヨウ</t>
    </rPh>
    <phoneticPr fontId="3"/>
  </si>
  <si>
    <t>事故発生時の状況</t>
    <rPh sb="0" eb="2">
      <t>ジコ</t>
    </rPh>
    <rPh sb="2" eb="4">
      <t>ハッセイ</t>
    </rPh>
    <rPh sb="4" eb="5">
      <t>ジ</t>
    </rPh>
    <rPh sb="6" eb="8">
      <t>ジョウキョウ</t>
    </rPh>
    <phoneticPr fontId="3"/>
  </si>
  <si>
    <t>事故に遭ったこどもの情報</t>
    <rPh sb="0" eb="2">
      <t>ジコ</t>
    </rPh>
    <rPh sb="3" eb="4">
      <t>ア</t>
    </rPh>
    <rPh sb="10" eb="12">
      <t>ジョウホウ</t>
    </rPh>
    <phoneticPr fontId="3"/>
  </si>
  <si>
    <t>事故発生時の状況</t>
    <rPh sb="0" eb="5">
      <t>ジコハッセイジ</t>
    </rPh>
    <rPh sb="6" eb="8">
      <t>ジョウキョウ</t>
    </rPh>
    <phoneticPr fontId="3"/>
  </si>
  <si>
    <t>事故発生の要因分析</t>
    <rPh sb="0" eb="2">
      <t>ジコ</t>
    </rPh>
    <rPh sb="2" eb="4">
      <t>ハッセイ</t>
    </rPh>
    <rPh sb="5" eb="7">
      <t>ヨウイン</t>
    </rPh>
    <rPh sb="7" eb="9">
      <t>ブンセキ</t>
    </rPh>
    <phoneticPr fontId="3"/>
  </si>
  <si>
    <t>事故の発生状況
(表面)</t>
    <rPh sb="0" eb="2">
      <t>ジコ</t>
    </rPh>
    <rPh sb="3" eb="7">
      <t>ハッセイジョウキョウ</t>
    </rPh>
    <rPh sb="9" eb="11">
      <t>オモテメン</t>
    </rPh>
    <phoneticPr fontId="3"/>
  </si>
  <si>
    <t>自治体コメント
(裏面)</t>
    <rPh sb="0" eb="3">
      <t>ジチタイ</t>
    </rPh>
    <rPh sb="9" eb="11">
      <t>リメン</t>
    </rPh>
    <phoneticPr fontId="3"/>
  </si>
  <si>
    <t>認可・
認可外
の区分</t>
    <rPh sb="9" eb="11">
      <t>クブン</t>
    </rPh>
    <phoneticPr fontId="3"/>
  </si>
  <si>
    <t>施設・
事業所
種別</t>
    <rPh sb="0" eb="2">
      <t>シセツ</t>
    </rPh>
    <rPh sb="4" eb="7">
      <t>ジギョウショ</t>
    </rPh>
    <rPh sb="8" eb="10">
      <t>シュベツ</t>
    </rPh>
    <phoneticPr fontId="3"/>
  </si>
  <si>
    <t>事故発生</t>
    <rPh sb="0" eb="2">
      <t>ジコ</t>
    </rPh>
    <rPh sb="2" eb="4">
      <t>ハッセイ</t>
    </rPh>
    <phoneticPr fontId="3"/>
  </si>
  <si>
    <t>事故
発生場所</t>
    <rPh sb="0" eb="2">
      <t>ジコ</t>
    </rPh>
    <rPh sb="3" eb="5">
      <t>ハッセイ</t>
    </rPh>
    <rPh sb="5" eb="7">
      <t>バショ</t>
    </rPh>
    <phoneticPr fontId="3"/>
  </si>
  <si>
    <t>事故発生時の体制</t>
    <rPh sb="0" eb="2">
      <t>ジコ</t>
    </rPh>
    <rPh sb="2" eb="4">
      <t>ハッセイ</t>
    </rPh>
    <rPh sb="4" eb="5">
      <t>ジ</t>
    </rPh>
    <rPh sb="6" eb="8">
      <t>タイセイ</t>
    </rPh>
    <phoneticPr fontId="3"/>
  </si>
  <si>
    <t>教育・保育等従事者</t>
    <rPh sb="0" eb="2">
      <t>キョウイク</t>
    </rPh>
    <rPh sb="3" eb="5">
      <t>ホイク</t>
    </rPh>
    <rPh sb="5" eb="6">
      <t>トウ</t>
    </rPh>
    <rPh sb="6" eb="9">
      <t>ジュウジシャ</t>
    </rPh>
    <phoneticPr fontId="3"/>
  </si>
  <si>
    <t>年齢</t>
    <rPh sb="0" eb="2">
      <t>ネンレイ</t>
    </rPh>
    <phoneticPr fontId="3"/>
  </si>
  <si>
    <t>性別</t>
    <rPh sb="0" eb="2">
      <t>セイベツ</t>
    </rPh>
    <phoneticPr fontId="3"/>
  </si>
  <si>
    <t>特記事項</t>
    <rPh sb="0" eb="2">
      <t>トッキ</t>
    </rPh>
    <rPh sb="2" eb="4">
      <t>ジコウ</t>
    </rPh>
    <phoneticPr fontId="3"/>
  </si>
  <si>
    <t>事故発生
時の状況</t>
    <rPh sb="0" eb="2">
      <t>ジコ</t>
    </rPh>
    <rPh sb="2" eb="4">
      <t>ハッセイ</t>
    </rPh>
    <rPh sb="5" eb="6">
      <t>ジ</t>
    </rPh>
    <rPh sb="7" eb="9">
      <t>ジョウキョウ</t>
    </rPh>
    <phoneticPr fontId="3"/>
  </si>
  <si>
    <t>事故の転帰</t>
    <rPh sb="0" eb="2">
      <t>ジコ</t>
    </rPh>
    <rPh sb="3" eb="5">
      <t>テンキ</t>
    </rPh>
    <phoneticPr fontId="3"/>
  </si>
  <si>
    <t>事故の
誘因</t>
    <rPh sb="0" eb="2">
      <t>ジコ</t>
    </rPh>
    <rPh sb="4" eb="6">
      <t>ユウイン</t>
    </rPh>
    <phoneticPr fontId="3"/>
  </si>
  <si>
    <t>ソフト面</t>
    <rPh sb="3" eb="4">
      <t>メン</t>
    </rPh>
    <phoneticPr fontId="3"/>
  </si>
  <si>
    <t>ハード面</t>
    <rPh sb="3" eb="4">
      <t>メン</t>
    </rPh>
    <phoneticPr fontId="3"/>
  </si>
  <si>
    <t>環境面</t>
    <rPh sb="0" eb="3">
      <t>カンキョウメン</t>
    </rPh>
    <phoneticPr fontId="3"/>
  </si>
  <si>
    <t>人的面</t>
    <rPh sb="0" eb="2">
      <t>ジンテキ</t>
    </rPh>
    <rPh sb="2" eb="3">
      <t>メン</t>
    </rPh>
    <phoneticPr fontId="3"/>
  </si>
  <si>
    <t>事故発生</t>
    <phoneticPr fontId="1"/>
  </si>
  <si>
    <t>報告関係</t>
    <rPh sb="0" eb="2">
      <t>ホウコク</t>
    </rPh>
    <rPh sb="2" eb="4">
      <t>カンケイ</t>
    </rPh>
    <phoneticPr fontId="1"/>
  </si>
  <si>
    <t>月</t>
    <rPh sb="0" eb="1">
      <t>ツキ</t>
    </rPh>
    <phoneticPr fontId="3"/>
  </si>
  <si>
    <t>時間帯</t>
    <rPh sb="0" eb="3">
      <t>ジカンタイ</t>
    </rPh>
    <phoneticPr fontId="3"/>
  </si>
  <si>
    <t>事故発生
クラス等</t>
    <rPh sb="0" eb="4">
      <t>ジコハッセイ</t>
    </rPh>
    <rPh sb="8" eb="9">
      <t>トウ</t>
    </rPh>
    <phoneticPr fontId="1"/>
  </si>
  <si>
    <t>事故発生時のこどもの人数</t>
    <rPh sb="0" eb="5">
      <t>ジコハッセイジ</t>
    </rPh>
    <rPh sb="10" eb="12">
      <t>ニンズウ</t>
    </rPh>
    <phoneticPr fontId="3"/>
  </si>
  <si>
    <t>異年齢構成の場合の内訳</t>
    <rPh sb="0" eb="1">
      <t>イ</t>
    </rPh>
    <rPh sb="1" eb="3">
      <t>ネンレイ</t>
    </rPh>
    <rPh sb="3" eb="5">
      <t>コウセイ</t>
    </rPh>
    <rPh sb="6" eb="8">
      <t>バアイ</t>
    </rPh>
    <rPh sb="9" eb="11">
      <t>ウチワケ</t>
    </rPh>
    <phoneticPr fontId="3"/>
  </si>
  <si>
    <t>事故発生
時の教育
・保育等
従事者数</t>
    <rPh sb="0" eb="2">
      <t>ジコ</t>
    </rPh>
    <rPh sb="2" eb="4">
      <t>ハッセイ</t>
    </rPh>
    <rPh sb="5" eb="6">
      <t>ジ</t>
    </rPh>
    <rPh sb="7" eb="9">
      <t>キョウイク</t>
    </rPh>
    <rPh sb="11" eb="13">
      <t>ホイク</t>
    </rPh>
    <rPh sb="13" eb="14">
      <t>トウ</t>
    </rPh>
    <rPh sb="15" eb="18">
      <t>ジュウジシャ</t>
    </rPh>
    <rPh sb="18" eb="19">
      <t>スウ</t>
    </rPh>
    <phoneticPr fontId="1"/>
  </si>
  <si>
    <t>うち保育教諭・幼稚園教諭・保育士・放課後児童支援員等</t>
    <rPh sb="2" eb="4">
      <t>ホイク</t>
    </rPh>
    <rPh sb="4" eb="6">
      <t>キョウユ</t>
    </rPh>
    <rPh sb="7" eb="10">
      <t>ヨウチエン</t>
    </rPh>
    <rPh sb="10" eb="12">
      <t>キョウユ</t>
    </rPh>
    <rPh sb="13" eb="15">
      <t>ホイク</t>
    </rPh>
    <rPh sb="15" eb="16">
      <t>シ</t>
    </rPh>
    <rPh sb="17" eb="20">
      <t>ホウカゴ</t>
    </rPh>
    <rPh sb="20" eb="22">
      <t>ジドウ</t>
    </rPh>
    <rPh sb="22" eb="24">
      <t>シエン</t>
    </rPh>
    <rPh sb="24" eb="25">
      <t>イン</t>
    </rPh>
    <rPh sb="25" eb="26">
      <t>トウ</t>
    </rPh>
    <phoneticPr fontId="3"/>
  </si>
  <si>
    <t>死亡</t>
    <rPh sb="0" eb="2">
      <t>シボウ</t>
    </rPh>
    <phoneticPr fontId="3"/>
  </si>
  <si>
    <t>負傷</t>
    <rPh sb="0" eb="2">
      <t>フショウ</t>
    </rPh>
    <phoneticPr fontId="3"/>
  </si>
  <si>
    <t>診断名</t>
    <rPh sb="2" eb="3">
      <t>ナ</t>
    </rPh>
    <phoneticPr fontId="3"/>
  </si>
  <si>
    <t>事故防止
マニュアル</t>
    <rPh sb="0" eb="4">
      <t>ジコボウシ</t>
    </rPh>
    <phoneticPr fontId="3"/>
  </si>
  <si>
    <t>事故防止研修</t>
    <rPh sb="0" eb="2">
      <t>ジコ</t>
    </rPh>
    <rPh sb="2" eb="4">
      <t>ボウシ</t>
    </rPh>
    <rPh sb="4" eb="6">
      <t>ケンシュウ</t>
    </rPh>
    <phoneticPr fontId="3"/>
  </si>
  <si>
    <t>職員配置</t>
    <rPh sb="0" eb="2">
      <t>ショクイン</t>
    </rPh>
    <rPh sb="2" eb="4">
      <t>ハイチ</t>
    </rPh>
    <phoneticPr fontId="3"/>
  </si>
  <si>
    <t>その他の
要因・
分析、
特記事項</t>
    <rPh sb="2" eb="3">
      <t>タ</t>
    </rPh>
    <rPh sb="5" eb="7">
      <t>ヨウイン</t>
    </rPh>
    <rPh sb="9" eb="11">
      <t>ブンセキ</t>
    </rPh>
    <rPh sb="13" eb="15">
      <t>トッキ</t>
    </rPh>
    <rPh sb="15" eb="17">
      <t>ジコウ</t>
    </rPh>
    <phoneticPr fontId="3"/>
  </si>
  <si>
    <t>改善策</t>
    <rPh sb="0" eb="3">
      <t>カイゼンサク</t>
    </rPh>
    <phoneticPr fontId="3"/>
  </si>
  <si>
    <t>施設の安全点検</t>
    <rPh sb="0" eb="2">
      <t>シセツ</t>
    </rPh>
    <rPh sb="3" eb="5">
      <t>アンゼン</t>
    </rPh>
    <rPh sb="5" eb="7">
      <t>テンケン</t>
    </rPh>
    <phoneticPr fontId="3"/>
  </si>
  <si>
    <t>遊具の安全点検</t>
    <rPh sb="0" eb="2">
      <t>ユウグ</t>
    </rPh>
    <rPh sb="3" eb="5">
      <t>アンゼン</t>
    </rPh>
    <rPh sb="5" eb="7">
      <t>テンケン</t>
    </rPh>
    <phoneticPr fontId="3"/>
  </si>
  <si>
    <t>玩具の安全点検</t>
    <rPh sb="0" eb="2">
      <t>オモチャ</t>
    </rPh>
    <rPh sb="3" eb="5">
      <t>アンゼン</t>
    </rPh>
    <rPh sb="5" eb="7">
      <t>テンケン</t>
    </rPh>
    <phoneticPr fontId="3"/>
  </si>
  <si>
    <t>教育・
保育の
状況</t>
    <rPh sb="0" eb="2">
      <t>キョウイク</t>
    </rPh>
    <rPh sb="4" eb="6">
      <t>ホイク</t>
    </rPh>
    <rPh sb="8" eb="10">
      <t>ジョウキョウ</t>
    </rPh>
    <phoneticPr fontId="3"/>
  </si>
  <si>
    <t>対象児の動き</t>
    <rPh sb="0" eb="2">
      <t>タイショウ</t>
    </rPh>
    <rPh sb="2" eb="3">
      <t>ジ</t>
    </rPh>
    <rPh sb="4" eb="5">
      <t>ウゴ</t>
    </rPh>
    <phoneticPr fontId="3"/>
  </si>
  <si>
    <t>担当職員の動き</t>
    <rPh sb="0" eb="2">
      <t>タントウ</t>
    </rPh>
    <rPh sb="2" eb="4">
      <t>ショクイン</t>
    </rPh>
    <rPh sb="5" eb="6">
      <t>ウゴ</t>
    </rPh>
    <phoneticPr fontId="3"/>
  </si>
  <si>
    <t>他の職員の動き</t>
    <rPh sb="0" eb="1">
      <t>タ</t>
    </rPh>
    <rPh sb="2" eb="4">
      <t>ショクイン</t>
    </rPh>
    <rPh sb="5" eb="6">
      <t>ウゴ</t>
    </rPh>
    <phoneticPr fontId="3"/>
  </si>
  <si>
    <t>年</t>
    <rPh sb="0" eb="1">
      <t>ネン</t>
    </rPh>
    <phoneticPr fontId="1"/>
  </si>
  <si>
    <t>月</t>
    <rPh sb="0" eb="1">
      <t>ゲツ</t>
    </rPh>
    <phoneticPr fontId="1"/>
  </si>
  <si>
    <t>日</t>
    <rPh sb="0" eb="1">
      <t>ヒ</t>
    </rPh>
    <phoneticPr fontId="1"/>
  </si>
  <si>
    <t>都道府県</t>
    <rPh sb="0" eb="4">
      <t>トドウフケン</t>
    </rPh>
    <phoneticPr fontId="1"/>
  </si>
  <si>
    <t>市区町村</t>
    <rPh sb="0" eb="4">
      <t>シクチョウソン</t>
    </rPh>
    <phoneticPr fontId="1"/>
  </si>
  <si>
    <t>施設・
事業所
名称</t>
    <rPh sb="0" eb="2">
      <t>シセツ</t>
    </rPh>
    <rPh sb="4" eb="7">
      <t>ジギョウショ</t>
    </rPh>
    <rPh sb="8" eb="10">
      <t>メイショウ</t>
    </rPh>
    <phoneticPr fontId="1"/>
  </si>
  <si>
    <t>事故
報告回数</t>
    <rPh sb="0" eb="2">
      <t>ジコ</t>
    </rPh>
    <rPh sb="3" eb="7">
      <t>ホウコクカイスウ</t>
    </rPh>
    <phoneticPr fontId="1"/>
  </si>
  <si>
    <t>0歳</t>
    <rPh sb="1" eb="2">
      <t>サイ</t>
    </rPh>
    <phoneticPr fontId="3"/>
  </si>
  <si>
    <t>1歳</t>
    <rPh sb="1" eb="2">
      <t>サイ</t>
    </rPh>
    <phoneticPr fontId="3"/>
  </si>
  <si>
    <t>2歳</t>
    <rPh sb="1" eb="2">
      <t>サイ</t>
    </rPh>
    <phoneticPr fontId="3"/>
  </si>
  <si>
    <t>3歳</t>
    <rPh sb="1" eb="2">
      <t>サイ</t>
    </rPh>
    <phoneticPr fontId="3"/>
  </si>
  <si>
    <t>4歳</t>
    <rPh sb="1" eb="2">
      <t>サイ</t>
    </rPh>
    <phoneticPr fontId="3"/>
  </si>
  <si>
    <t>5歳以上</t>
    <rPh sb="1" eb="2">
      <t>サイ</t>
    </rPh>
    <rPh sb="2" eb="4">
      <t>イジョウ</t>
    </rPh>
    <phoneticPr fontId="3"/>
  </si>
  <si>
    <t>学童</t>
    <rPh sb="0" eb="2">
      <t>ガクドウ</t>
    </rPh>
    <phoneticPr fontId="3"/>
  </si>
  <si>
    <t>その他</t>
    <rPh sb="2" eb="3">
      <t>タ</t>
    </rPh>
    <phoneticPr fontId="3"/>
  </si>
  <si>
    <t>死因</t>
    <rPh sb="0" eb="2">
      <t>シイン</t>
    </rPh>
    <phoneticPr fontId="3"/>
  </si>
  <si>
    <t>負傷状況</t>
    <rPh sb="0" eb="2">
      <t>フショウ</t>
    </rPh>
    <rPh sb="2" eb="4">
      <t>ジョウキョウ</t>
    </rPh>
    <phoneticPr fontId="3"/>
  </si>
  <si>
    <t>受傷部位</t>
    <rPh sb="0" eb="2">
      <t>ジュショウ</t>
    </rPh>
    <rPh sb="2" eb="4">
      <t>ブイ</t>
    </rPh>
    <phoneticPr fontId="3"/>
  </si>
  <si>
    <t>実施頻度
(回/年)</t>
    <rPh sb="0" eb="2">
      <t>ジッシ</t>
    </rPh>
    <rPh sb="2" eb="4">
      <t>ヒンド</t>
    </rPh>
    <rPh sb="6" eb="7">
      <t>カイ</t>
    </rPh>
    <rPh sb="8" eb="9">
      <t>ネン</t>
    </rPh>
    <phoneticPr fontId="3"/>
  </si>
  <si>
    <t>実施頻度(回/年)</t>
    <rPh sb="0" eb="2">
      <t>ジッシ</t>
    </rPh>
    <rPh sb="2" eb="4">
      <t>ヒンド</t>
    </rPh>
    <phoneticPr fontId="3"/>
  </si>
  <si>
    <t>具体的
内容</t>
    <rPh sb="4" eb="6">
      <t>ナイヨウ</t>
    </rPh>
    <phoneticPr fontId="3"/>
  </si>
  <si>
    <t>具体的
内容</t>
    <rPh sb="0" eb="3">
      <t>グタイテキ</t>
    </rPh>
    <rPh sb="4" eb="6">
      <t>ナイヨウ</t>
    </rPh>
    <phoneticPr fontId="3"/>
  </si>
  <si>
    <r>
      <t>【プルダウンメニュー一覧】</t>
    </r>
    <r>
      <rPr>
        <b/>
        <sz val="9"/>
        <rFont val="ＭＳ Ｐゴシック"/>
        <family val="3"/>
        <charset val="128"/>
        <scheme val="minor"/>
      </rPr>
      <t>　　※　プルダウンメニューが設定されているセルは、以下の選択肢の中から回答してください。</t>
    </r>
    <rPh sb="10" eb="12">
      <t>イチラン</t>
    </rPh>
    <rPh sb="27" eb="29">
      <t>セッテイ</t>
    </rPh>
    <rPh sb="38" eb="40">
      <t>イカ</t>
    </rPh>
    <rPh sb="41" eb="44">
      <t>センタクシ</t>
    </rPh>
    <rPh sb="45" eb="46">
      <t>ナカ</t>
    </rPh>
    <rPh sb="48" eb="50">
      <t>カイトウ</t>
    </rPh>
    <phoneticPr fontId="1"/>
  </si>
  <si>
    <t>報告事項</t>
    <rPh sb="0" eb="2">
      <t>ホウコク</t>
    </rPh>
    <rPh sb="2" eb="4">
      <t>ジコウ</t>
    </rPh>
    <phoneticPr fontId="3"/>
  </si>
  <si>
    <t>選択肢</t>
    <rPh sb="0" eb="3">
      <t>センタクシ</t>
    </rPh>
    <phoneticPr fontId="3"/>
  </si>
  <si>
    <t>事故報告回数</t>
    <rPh sb="0" eb="2">
      <t>ジコ</t>
    </rPh>
    <rPh sb="2" eb="4">
      <t>ホウコク</t>
    </rPh>
    <rPh sb="4" eb="6">
      <t>カイスウ</t>
    </rPh>
    <phoneticPr fontId="3"/>
  </si>
  <si>
    <t>1．第1報　2．第2報　3．第3報　4．第4報以降</t>
    <rPh sb="2" eb="3">
      <t>ダイ</t>
    </rPh>
    <rPh sb="4" eb="5">
      <t>ホウ</t>
    </rPh>
    <rPh sb="8" eb="9">
      <t>ダイ</t>
    </rPh>
    <rPh sb="10" eb="11">
      <t>ホウ</t>
    </rPh>
    <rPh sb="14" eb="15">
      <t>ダイ</t>
    </rPh>
    <rPh sb="16" eb="17">
      <t>ホウ</t>
    </rPh>
    <rPh sb="20" eb="21">
      <t>ダイ</t>
    </rPh>
    <rPh sb="22" eb="23">
      <t>ホウ</t>
    </rPh>
    <rPh sb="23" eb="25">
      <t>イコウ</t>
    </rPh>
    <phoneticPr fontId="3"/>
  </si>
  <si>
    <t>事故報告年月日</t>
    <rPh sb="0" eb="2">
      <t>ジコ</t>
    </rPh>
    <rPh sb="2" eb="4">
      <t>ホウコク</t>
    </rPh>
    <rPh sb="4" eb="6">
      <t>ネンツキ</t>
    </rPh>
    <rPh sb="6" eb="7">
      <t>ビ</t>
    </rPh>
    <phoneticPr fontId="3"/>
  </si>
  <si>
    <t>1．令和6年～令和20年　　　2．1月～12月　　　3．1日～31日</t>
    <rPh sb="2" eb="4">
      <t>レイワ</t>
    </rPh>
    <rPh sb="5" eb="6">
      <t>ネン</t>
    </rPh>
    <rPh sb="7" eb="9">
      <t>レイワ</t>
    </rPh>
    <rPh sb="11" eb="12">
      <t>ネン</t>
    </rPh>
    <rPh sb="18" eb="19">
      <t>ガツ</t>
    </rPh>
    <rPh sb="22" eb="23">
      <t>ガツ</t>
    </rPh>
    <rPh sb="29" eb="30">
      <t>ニチ</t>
    </rPh>
    <rPh sb="33" eb="34">
      <t>ニチ</t>
    </rPh>
    <phoneticPr fontId="3"/>
  </si>
  <si>
    <t>北海道　青森県　岩手県　宮城県　秋田県　山形県　福島県　茨城県　栃木県　群馬県　埼玉県　千葉県
東京都　神奈川県　新潟県　富山県　石川県　福井県　山梨県　長野県　岐阜県　静岡県　愛知県　三重県
滋賀県　京都府　大阪府　兵庫県　奈良県　和歌山県　鳥取県　島根県　岡山県　広島県　山口県　徳島県
香川県　愛媛県　高知県　福岡県　佐賀県　長崎県　熊本県　大分県　宮崎県　鹿児島県　沖縄県</t>
    <phoneticPr fontId="1"/>
  </si>
  <si>
    <t>施設・事業所種別</t>
    <rPh sb="0" eb="2">
      <t>シセツ</t>
    </rPh>
    <rPh sb="3" eb="5">
      <t>ジギョウ</t>
    </rPh>
    <rPh sb="5" eb="6">
      <t>ショ</t>
    </rPh>
    <rPh sb="6" eb="8">
      <t>シュベツ</t>
    </rPh>
    <phoneticPr fontId="3"/>
  </si>
  <si>
    <t>1．幼保連携型認定こども園　　2．幼稚園型認定こども園　　3．保育所型認定こども園
4．地方裁量型認定こども園　　5．幼稚園　　6．認可保育所　　7．小規模保育事業　　8．家庭的保育事業
9．居宅訪問型保育事業　　10．事業所内保育事業(認可)　　11．一時預かり事業　　12．病児保育事業
13．子育て援助活動支援事業(ﾌｧﾐﾘｰ･ｻﾎﾟｰﾄ･ｾﾝﾀｰ事業)　　14．子育て短期支援事業(ｼｮｰﾄｽﾃｲ)
15．子育て短期支援事業(ﾄﾜｲﾗｲﾄｽﾃｲ)　　16．放課後児童健全育成事業(放課後児童クラブ)
17．企業主導型保育施設　　18．地方単独保育施設　　19．その他の認可外保育施設
20．認可外の居宅訪問型保育事業</t>
    <rPh sb="17" eb="20">
      <t>ヨウチエン</t>
    </rPh>
    <rPh sb="20" eb="21">
      <t>ガタ</t>
    </rPh>
    <rPh sb="21" eb="23">
      <t>ニンテイ</t>
    </rPh>
    <rPh sb="26" eb="27">
      <t>エン</t>
    </rPh>
    <rPh sb="31" eb="33">
      <t>ホイク</t>
    </rPh>
    <rPh sb="33" eb="34">
      <t>ジョ</t>
    </rPh>
    <rPh sb="34" eb="35">
      <t>ガタ</t>
    </rPh>
    <rPh sb="35" eb="37">
      <t>ニンテイ</t>
    </rPh>
    <rPh sb="40" eb="41">
      <t>エン</t>
    </rPh>
    <rPh sb="44" eb="46">
      <t>チホウ</t>
    </rPh>
    <rPh sb="46" eb="49">
      <t>サイリョウガタ</t>
    </rPh>
    <rPh sb="49" eb="51">
      <t>ニンテイ</t>
    </rPh>
    <rPh sb="54" eb="55">
      <t>エン</t>
    </rPh>
    <rPh sb="59" eb="62">
      <t>ヨウチエン</t>
    </rPh>
    <rPh sb="66" eb="68">
      <t>ニンカ</t>
    </rPh>
    <rPh sb="68" eb="70">
      <t>ホイク</t>
    </rPh>
    <rPh sb="70" eb="71">
      <t>ジョ</t>
    </rPh>
    <rPh sb="75" eb="78">
      <t>ショウキボ</t>
    </rPh>
    <rPh sb="78" eb="80">
      <t>ホイク</t>
    </rPh>
    <rPh sb="80" eb="82">
      <t>ジギョウ</t>
    </rPh>
    <rPh sb="86" eb="89">
      <t>カテイテキ</t>
    </rPh>
    <rPh sb="89" eb="91">
      <t>ホイク</t>
    </rPh>
    <rPh sb="91" eb="93">
      <t>ジギョウ</t>
    </rPh>
    <rPh sb="96" eb="98">
      <t>キョタク</t>
    </rPh>
    <rPh sb="98" eb="100">
      <t>ホウモン</t>
    </rPh>
    <rPh sb="100" eb="101">
      <t>ガタ</t>
    </rPh>
    <rPh sb="101" eb="103">
      <t>ホイク</t>
    </rPh>
    <rPh sb="103" eb="105">
      <t>ジギョウ</t>
    </rPh>
    <rPh sb="110" eb="113">
      <t>ジギョウショ</t>
    </rPh>
    <rPh sb="113" eb="114">
      <t>ナイ</t>
    </rPh>
    <rPh sb="114" eb="116">
      <t>ホイク</t>
    </rPh>
    <rPh sb="116" eb="118">
      <t>ジギョウ</t>
    </rPh>
    <rPh sb="119" eb="121">
      <t>ニンカ</t>
    </rPh>
    <rPh sb="127" eb="129">
      <t>イチジ</t>
    </rPh>
    <rPh sb="129" eb="130">
      <t>アズ</t>
    </rPh>
    <rPh sb="132" eb="134">
      <t>ジギョウ</t>
    </rPh>
    <rPh sb="139" eb="141">
      <t>ビョウジ</t>
    </rPh>
    <rPh sb="141" eb="143">
      <t>ホイク</t>
    </rPh>
    <rPh sb="143" eb="145">
      <t>ジギョウ</t>
    </rPh>
    <rPh sb="149" eb="151">
      <t>コソダ</t>
    </rPh>
    <rPh sb="152" eb="160">
      <t>エンジョカツドウシエンジギョウ</t>
    </rPh>
    <rPh sb="177" eb="179">
      <t>ジギョウ</t>
    </rPh>
    <rPh sb="185" eb="187">
      <t>コソダ</t>
    </rPh>
    <rPh sb="188" eb="194">
      <t>タンキシエンジギョウ</t>
    </rPh>
    <rPh sb="207" eb="209">
      <t>コソダ</t>
    </rPh>
    <rPh sb="210" eb="216">
      <t>タンキシエンジギョウ</t>
    </rPh>
    <rPh sb="232" eb="235">
      <t>ホウカゴ</t>
    </rPh>
    <rPh sb="235" eb="243">
      <t>ジドウケンゼンイクセイジギョウ</t>
    </rPh>
    <rPh sb="244" eb="249">
      <t>ホウカゴジドウ</t>
    </rPh>
    <rPh sb="257" eb="259">
      <t>キギョウ</t>
    </rPh>
    <rPh sb="259" eb="262">
      <t>シュドウガタ</t>
    </rPh>
    <rPh sb="262" eb="264">
      <t>ホイク</t>
    </rPh>
    <rPh sb="264" eb="266">
      <t>シセツ</t>
    </rPh>
    <rPh sb="271" eb="273">
      <t>チホウ</t>
    </rPh>
    <rPh sb="273" eb="275">
      <t>タンドク</t>
    </rPh>
    <rPh sb="275" eb="279">
      <t>ホイクシセツ</t>
    </rPh>
    <rPh sb="286" eb="287">
      <t>タ</t>
    </rPh>
    <rPh sb="288" eb="291">
      <t>ニンカガイ</t>
    </rPh>
    <rPh sb="291" eb="295">
      <t>ホイクシセツ</t>
    </rPh>
    <phoneticPr fontId="3"/>
  </si>
  <si>
    <t>認可・認可外の区分</t>
    <rPh sb="0" eb="2">
      <t>ニンカ</t>
    </rPh>
    <rPh sb="3" eb="6">
      <t>ニンカガイ</t>
    </rPh>
    <rPh sb="7" eb="9">
      <t>クブン</t>
    </rPh>
    <phoneticPr fontId="3"/>
  </si>
  <si>
    <t>1．認可　　2．認可外　　3．その他</t>
    <rPh sb="2" eb="4">
      <t>ニンカ</t>
    </rPh>
    <rPh sb="8" eb="10">
      <t>ニンカ</t>
    </rPh>
    <rPh sb="10" eb="11">
      <t>ガイ</t>
    </rPh>
    <rPh sb="17" eb="18">
      <t>タ</t>
    </rPh>
    <phoneticPr fontId="3"/>
  </si>
  <si>
    <t>施設・事業開始月日</t>
    <rPh sb="0" eb="2">
      <t>シセツ</t>
    </rPh>
    <rPh sb="3" eb="5">
      <t>ジギョウ</t>
    </rPh>
    <rPh sb="5" eb="7">
      <t>カイシ</t>
    </rPh>
    <rPh sb="7" eb="9">
      <t>ツキヒ</t>
    </rPh>
    <phoneticPr fontId="3"/>
  </si>
  <si>
    <t>1．1月～12月　　　2．1日～31日</t>
    <rPh sb="3" eb="4">
      <t>ガツ</t>
    </rPh>
    <rPh sb="7" eb="8">
      <t>ガツ</t>
    </rPh>
    <rPh sb="14" eb="15">
      <t>ニチ</t>
    </rPh>
    <rPh sb="18" eb="19">
      <t>ニチ</t>
    </rPh>
    <phoneticPr fontId="3"/>
  </si>
  <si>
    <t>こどもの年齢</t>
    <rPh sb="4" eb="6">
      <t>ネンレイ</t>
    </rPh>
    <phoneticPr fontId="1"/>
  </si>
  <si>
    <t>1．0歳　　2．1歳　　3．2歳　　4．3歳　　5．4歳　　6．5歳　　7．6歳　　8．学童
　(学童を除き0か月～11か月も選択)</t>
    <rPh sb="3" eb="4">
      <t>サイ</t>
    </rPh>
    <rPh sb="9" eb="10">
      <t>サイ</t>
    </rPh>
    <rPh sb="15" eb="16">
      <t>サイ</t>
    </rPh>
    <rPh sb="21" eb="22">
      <t>サイ</t>
    </rPh>
    <rPh sb="27" eb="28">
      <t>サイ</t>
    </rPh>
    <rPh sb="33" eb="34">
      <t>サイ</t>
    </rPh>
    <rPh sb="39" eb="40">
      <t>サイ</t>
    </rPh>
    <rPh sb="44" eb="46">
      <t>ガクドウ</t>
    </rPh>
    <rPh sb="49" eb="51">
      <t>ガクドウ</t>
    </rPh>
    <rPh sb="52" eb="53">
      <t>ノゾ</t>
    </rPh>
    <rPh sb="56" eb="57">
      <t>ツキ</t>
    </rPh>
    <rPh sb="61" eb="62">
      <t>ツキ</t>
    </rPh>
    <rPh sb="63" eb="65">
      <t>センタク</t>
    </rPh>
    <phoneticPr fontId="3"/>
  </si>
  <si>
    <t>こどもの性別</t>
    <rPh sb="4" eb="6">
      <t>セイベツ</t>
    </rPh>
    <phoneticPr fontId="3"/>
  </si>
  <si>
    <t>1．男　　2．女</t>
    <rPh sb="2" eb="3">
      <t>オトコ</t>
    </rPh>
    <rPh sb="7" eb="8">
      <t>オンナ</t>
    </rPh>
    <phoneticPr fontId="3"/>
  </si>
  <si>
    <t>施設入所年月日</t>
    <rPh sb="0" eb="2">
      <t>シセツ</t>
    </rPh>
    <rPh sb="2" eb="4">
      <t>ニュウショ</t>
    </rPh>
    <rPh sb="4" eb="6">
      <t>ネンゲツ</t>
    </rPh>
    <rPh sb="6" eb="7">
      <t>ヒ</t>
    </rPh>
    <phoneticPr fontId="3"/>
  </si>
  <si>
    <t>1．平成30年～令和20年　　　2．1月～12月　　　3．1日～31日</t>
    <rPh sb="2" eb="4">
      <t>ヘイセイ</t>
    </rPh>
    <rPh sb="6" eb="7">
      <t>ネン</t>
    </rPh>
    <rPh sb="8" eb="10">
      <t>レイワ</t>
    </rPh>
    <rPh sb="12" eb="13">
      <t>ネン</t>
    </rPh>
    <rPh sb="19" eb="20">
      <t>ガツ</t>
    </rPh>
    <rPh sb="23" eb="24">
      <t>ガツ</t>
    </rPh>
    <rPh sb="30" eb="31">
      <t>ニチ</t>
    </rPh>
    <rPh sb="34" eb="35">
      <t>ニチ</t>
    </rPh>
    <phoneticPr fontId="3"/>
  </si>
  <si>
    <t>1．0歳児クラス　　2．1歳児クラス　　3．2歳児クラス　　4．3歳児クラス　　5．4歳児クラス
6．5歳以上児クラス　　7．異年齢構成　　8．学童</t>
    <rPh sb="3" eb="4">
      <t>サイ</t>
    </rPh>
    <rPh sb="4" eb="5">
      <t>ジ</t>
    </rPh>
    <rPh sb="13" eb="14">
      <t>サイ</t>
    </rPh>
    <rPh sb="14" eb="15">
      <t>ジ</t>
    </rPh>
    <rPh sb="23" eb="24">
      <t>サイ</t>
    </rPh>
    <rPh sb="24" eb="25">
      <t>ジ</t>
    </rPh>
    <rPh sb="33" eb="34">
      <t>サイ</t>
    </rPh>
    <rPh sb="34" eb="35">
      <t>ジ</t>
    </rPh>
    <rPh sb="43" eb="44">
      <t>サイ</t>
    </rPh>
    <rPh sb="44" eb="45">
      <t>ジ</t>
    </rPh>
    <rPh sb="52" eb="53">
      <t>サイ</t>
    </rPh>
    <rPh sb="53" eb="55">
      <t>イジョウ</t>
    </rPh>
    <rPh sb="55" eb="56">
      <t>ジ</t>
    </rPh>
    <rPh sb="72" eb="74">
      <t>ガクドウ</t>
    </rPh>
    <phoneticPr fontId="3"/>
  </si>
  <si>
    <t>事故発生年月日</t>
    <rPh sb="0" eb="2">
      <t>ジコ</t>
    </rPh>
    <rPh sb="2" eb="4">
      <t>ハッセイ</t>
    </rPh>
    <rPh sb="4" eb="7">
      <t>ネンガッピ</t>
    </rPh>
    <phoneticPr fontId="3"/>
  </si>
  <si>
    <t>1．令和5年～令和20年　　　2．1月～12月　　　3．1日～31日</t>
    <rPh sb="2" eb="4">
      <t>レイワ</t>
    </rPh>
    <rPh sb="5" eb="6">
      <t>ネン</t>
    </rPh>
    <rPh sb="7" eb="9">
      <t>レイワ</t>
    </rPh>
    <rPh sb="11" eb="12">
      <t>ネン</t>
    </rPh>
    <rPh sb="18" eb="19">
      <t>ガツ</t>
    </rPh>
    <rPh sb="22" eb="23">
      <t>ガツ</t>
    </rPh>
    <rPh sb="29" eb="30">
      <t>ニチ</t>
    </rPh>
    <rPh sb="33" eb="34">
      <t>ニチ</t>
    </rPh>
    <phoneticPr fontId="3"/>
  </si>
  <si>
    <t>事故発生時間帯</t>
    <rPh sb="0" eb="2">
      <t>ジコ</t>
    </rPh>
    <rPh sb="2" eb="4">
      <t>ハッセイ</t>
    </rPh>
    <rPh sb="4" eb="6">
      <t>ジカン</t>
    </rPh>
    <rPh sb="6" eb="7">
      <t>タイ</t>
    </rPh>
    <phoneticPr fontId="3"/>
  </si>
  <si>
    <t>1．朝(始業～午前10時頃)　　2．午前中　　3．昼食時・おやつ時
4．午睡中　　5．午後　　6．夕方(16時頃～夕食提供前頃）　　7．夜間・早朝（泊り保育）</t>
    <rPh sb="2" eb="3">
      <t>アサ</t>
    </rPh>
    <rPh sb="4" eb="6">
      <t>シギョウ</t>
    </rPh>
    <rPh sb="7" eb="9">
      <t>ゴゼン</t>
    </rPh>
    <rPh sb="11" eb="12">
      <t>ジ</t>
    </rPh>
    <rPh sb="12" eb="13">
      <t>コロ</t>
    </rPh>
    <rPh sb="18" eb="20">
      <t>ゴゼン</t>
    </rPh>
    <rPh sb="20" eb="21">
      <t>チュウ</t>
    </rPh>
    <rPh sb="25" eb="27">
      <t>チュウショク</t>
    </rPh>
    <rPh sb="27" eb="28">
      <t>ジ</t>
    </rPh>
    <rPh sb="32" eb="33">
      <t>ドキ</t>
    </rPh>
    <rPh sb="36" eb="38">
      <t>ゴスイ</t>
    </rPh>
    <rPh sb="38" eb="39">
      <t>チュウ</t>
    </rPh>
    <rPh sb="43" eb="45">
      <t>ゴゴ</t>
    </rPh>
    <rPh sb="49" eb="51">
      <t>ユウガタ</t>
    </rPh>
    <rPh sb="54" eb="55">
      <t>ジ</t>
    </rPh>
    <rPh sb="55" eb="56">
      <t>コロ</t>
    </rPh>
    <rPh sb="57" eb="59">
      <t>ユウショク</t>
    </rPh>
    <rPh sb="59" eb="61">
      <t>テイキョウ</t>
    </rPh>
    <rPh sb="61" eb="62">
      <t>マエ</t>
    </rPh>
    <rPh sb="62" eb="63">
      <t>コロ</t>
    </rPh>
    <rPh sb="68" eb="70">
      <t>ヤカン</t>
    </rPh>
    <rPh sb="71" eb="73">
      <t>ソウチョウ</t>
    </rPh>
    <rPh sb="74" eb="75">
      <t>ト</t>
    </rPh>
    <rPh sb="76" eb="78">
      <t>ホイク</t>
    </rPh>
    <phoneticPr fontId="3"/>
  </si>
  <si>
    <r>
      <t>事故発生</t>
    </r>
    <r>
      <rPr>
        <sz val="9"/>
        <rFont val="ＭＳ Ｐゴシック"/>
        <family val="3"/>
        <charset val="128"/>
      </rPr>
      <t>場所</t>
    </r>
    <rPh sb="0" eb="2">
      <t>ジコ</t>
    </rPh>
    <rPh sb="2" eb="4">
      <t>ハッセイ</t>
    </rPh>
    <rPh sb="4" eb="6">
      <t>バショ</t>
    </rPh>
    <phoneticPr fontId="3"/>
  </si>
  <si>
    <t>1．施設内(室内)　　2．施設内(室外・園庭等）　　3．施設外(園外保育先・公園等)</t>
    <rPh sb="2" eb="4">
      <t>シセツ</t>
    </rPh>
    <rPh sb="4" eb="5">
      <t>ナイ</t>
    </rPh>
    <rPh sb="6" eb="8">
      <t>シツナイ</t>
    </rPh>
    <rPh sb="13" eb="15">
      <t>シセツ</t>
    </rPh>
    <rPh sb="15" eb="16">
      <t>ナイ</t>
    </rPh>
    <rPh sb="17" eb="19">
      <t>シツガイ</t>
    </rPh>
    <rPh sb="20" eb="22">
      <t>エンテイ</t>
    </rPh>
    <rPh sb="22" eb="23">
      <t>トウ</t>
    </rPh>
    <rPh sb="28" eb="31">
      <t>シセツガイ</t>
    </rPh>
    <rPh sb="32" eb="36">
      <t>エンガイホイク</t>
    </rPh>
    <rPh sb="36" eb="37">
      <t>サキ</t>
    </rPh>
    <rPh sb="38" eb="40">
      <t>コウエン</t>
    </rPh>
    <rPh sb="40" eb="41">
      <t>トウ</t>
    </rPh>
    <phoneticPr fontId="3"/>
  </si>
  <si>
    <t>1．0歳児　　2．1歳児　　3．2歳児　　4．3歳児　　5．4歳児　　6．5歳以上児　　7．異年齢構成　　8．学童</t>
    <rPh sb="3" eb="4">
      <t>サイ</t>
    </rPh>
    <rPh sb="4" eb="5">
      <t>ジ</t>
    </rPh>
    <rPh sb="10" eb="11">
      <t>サイ</t>
    </rPh>
    <rPh sb="17" eb="18">
      <t>サイ</t>
    </rPh>
    <rPh sb="24" eb="25">
      <t>サイ</t>
    </rPh>
    <rPh sb="31" eb="32">
      <t>サイ</t>
    </rPh>
    <rPh sb="38" eb="39">
      <t>サイ</t>
    </rPh>
    <rPh sb="39" eb="41">
      <t>イジョウ</t>
    </rPh>
    <rPh sb="46" eb="49">
      <t>イネンレイ</t>
    </rPh>
    <rPh sb="49" eb="51">
      <t>コウセイ</t>
    </rPh>
    <rPh sb="55" eb="57">
      <t>ガクドウ</t>
    </rPh>
    <phoneticPr fontId="3"/>
  </si>
  <si>
    <r>
      <t>1．屋外</t>
    </r>
    <r>
      <rPr>
        <sz val="9"/>
        <rFont val="ＭＳ Ｐゴシック"/>
        <family val="3"/>
        <charset val="128"/>
      </rPr>
      <t>活動中　　2．室内活動中　　3．睡眠中(うつぶせ寝）　　4．睡眠中(うつぶせ寝以外)
5．食事中(おやつ含む）　　6．水遊び・プール活動中　　7．登園・降園中　　8．その他</t>
    </r>
    <rPh sb="2" eb="4">
      <t>オクガイ</t>
    </rPh>
    <rPh sb="4" eb="6">
      <t>カツドウ</t>
    </rPh>
    <rPh sb="6" eb="7">
      <t>チュウ</t>
    </rPh>
    <rPh sb="11" eb="13">
      <t>シツナイ</t>
    </rPh>
    <rPh sb="13" eb="15">
      <t>カツドウ</t>
    </rPh>
    <rPh sb="15" eb="16">
      <t>チュウ</t>
    </rPh>
    <rPh sb="20" eb="23">
      <t>スイミンチュウ</t>
    </rPh>
    <rPh sb="28" eb="29">
      <t>ネ</t>
    </rPh>
    <rPh sb="34" eb="37">
      <t>スイミンチュウ</t>
    </rPh>
    <rPh sb="42" eb="43">
      <t>ネ</t>
    </rPh>
    <rPh sb="43" eb="45">
      <t>イガイ</t>
    </rPh>
    <rPh sb="49" eb="52">
      <t>ショクジチュウ</t>
    </rPh>
    <rPh sb="56" eb="57">
      <t>フク</t>
    </rPh>
    <rPh sb="63" eb="65">
      <t>ミズアソ</t>
    </rPh>
    <rPh sb="70" eb="73">
      <t>カツドウチュウ</t>
    </rPh>
    <rPh sb="77" eb="79">
      <t>トウエン</t>
    </rPh>
    <rPh sb="80" eb="82">
      <t>コウエン</t>
    </rPh>
    <rPh sb="82" eb="83">
      <t>チュウ</t>
    </rPh>
    <rPh sb="89" eb="90">
      <t>タ</t>
    </rPh>
    <phoneticPr fontId="3"/>
  </si>
  <si>
    <t>事故の誘因</t>
    <rPh sb="0" eb="2">
      <t>ジコ</t>
    </rPh>
    <rPh sb="3" eb="5">
      <t>ユウイン</t>
    </rPh>
    <phoneticPr fontId="3"/>
  </si>
  <si>
    <r>
      <t>1．死亡　　2．遊具等からの転落・落下　　3．自らの転倒・衝突　　4．こども同士の衝突
5．</t>
    </r>
    <r>
      <rPr>
        <sz val="9"/>
        <rFont val="ＭＳ Ｐゴシック"/>
        <family val="3"/>
        <charset val="128"/>
      </rPr>
      <t>玩具・遊具等施設・設備の安全上の不備　　6．他児からの危害　　7．アナフィラキシー
8．溺水　　9．その他</t>
    </r>
    <rPh sb="2" eb="4">
      <t>シボウ</t>
    </rPh>
    <rPh sb="8" eb="10">
      <t>ユウグ</t>
    </rPh>
    <rPh sb="10" eb="11">
      <t>トウ</t>
    </rPh>
    <rPh sb="14" eb="16">
      <t>テンラク</t>
    </rPh>
    <rPh sb="17" eb="19">
      <t>ラッカ</t>
    </rPh>
    <rPh sb="23" eb="24">
      <t>ミズカ</t>
    </rPh>
    <rPh sb="26" eb="28">
      <t>テントウ</t>
    </rPh>
    <rPh sb="29" eb="31">
      <t>ショウトツ</t>
    </rPh>
    <rPh sb="38" eb="40">
      <t>ドウシ</t>
    </rPh>
    <rPh sb="41" eb="43">
      <t>ショウトツ</t>
    </rPh>
    <rPh sb="46" eb="48">
      <t>ガング</t>
    </rPh>
    <rPh sb="49" eb="51">
      <t>ユウグ</t>
    </rPh>
    <rPh sb="68" eb="70">
      <t>タジ</t>
    </rPh>
    <rPh sb="73" eb="75">
      <t>キガイ</t>
    </rPh>
    <rPh sb="90" eb="92">
      <t>デキスイ</t>
    </rPh>
    <rPh sb="98" eb="99">
      <t>タ</t>
    </rPh>
    <phoneticPr fontId="3"/>
  </si>
  <si>
    <t>1．負傷　　2．死亡</t>
    <rPh sb="2" eb="4">
      <t>フショウ</t>
    </rPh>
    <rPh sb="8" eb="10">
      <t>シボウ</t>
    </rPh>
    <phoneticPr fontId="3"/>
  </si>
  <si>
    <r>
      <t>1．乳幼児突然死症候群(SIDS)　　2．窒息　　3．病死　　4．溺死　　</t>
    </r>
    <r>
      <rPr>
        <sz val="9"/>
        <rFont val="ＭＳ Ｐゴシック"/>
        <family val="3"/>
        <charset val="128"/>
      </rPr>
      <t>5．アナフィラキシーショック　　
6．その他　　7．ー</t>
    </r>
    <rPh sb="2" eb="5">
      <t>ニュウヨウジ</t>
    </rPh>
    <rPh sb="5" eb="8">
      <t>トツゼンシ</t>
    </rPh>
    <rPh sb="8" eb="11">
      <t>ショウコウグン</t>
    </rPh>
    <rPh sb="21" eb="23">
      <t>チッソク</t>
    </rPh>
    <rPh sb="27" eb="29">
      <t>ビョウシ</t>
    </rPh>
    <rPh sb="33" eb="35">
      <t>デキシ</t>
    </rPh>
    <rPh sb="58" eb="59">
      <t>タ</t>
    </rPh>
    <phoneticPr fontId="3"/>
  </si>
  <si>
    <t>1．頭部　　2．顔面(口腔内含む)　　3．体幹(首・胸部・腹部・臀部）　　4．上肢(腕・手・手指）
5．下肢(足・足指)　　6．ー</t>
    <rPh sb="2" eb="4">
      <t>トウブ</t>
    </rPh>
    <rPh sb="8" eb="10">
      <t>ガンメン</t>
    </rPh>
    <rPh sb="11" eb="13">
      <t>コウクウ</t>
    </rPh>
    <rPh sb="13" eb="14">
      <t>ナイ</t>
    </rPh>
    <rPh sb="14" eb="15">
      <t>フク</t>
    </rPh>
    <rPh sb="21" eb="23">
      <t>タイカン</t>
    </rPh>
    <rPh sb="24" eb="25">
      <t>クビ</t>
    </rPh>
    <rPh sb="26" eb="27">
      <t>ムネ</t>
    </rPh>
    <rPh sb="27" eb="28">
      <t>ブ</t>
    </rPh>
    <rPh sb="29" eb="31">
      <t>フクブ</t>
    </rPh>
    <rPh sb="32" eb="34">
      <t>デンブ</t>
    </rPh>
    <rPh sb="39" eb="41">
      <t>ジョウシ</t>
    </rPh>
    <rPh sb="42" eb="43">
      <t>ウデ</t>
    </rPh>
    <rPh sb="44" eb="45">
      <t>テ</t>
    </rPh>
    <rPh sb="46" eb="48">
      <t>シュシ</t>
    </rPh>
    <rPh sb="52" eb="54">
      <t>カシ</t>
    </rPh>
    <rPh sb="55" eb="56">
      <t>アシ</t>
    </rPh>
    <rPh sb="57" eb="59">
      <t>アシユビ</t>
    </rPh>
    <phoneticPr fontId="3"/>
  </si>
  <si>
    <t>1．あり　　 2．なし</t>
    <phoneticPr fontId="3"/>
  </si>
  <si>
    <t>事故防止に関する研修</t>
    <rPh sb="0" eb="2">
      <t>ジコ</t>
    </rPh>
    <rPh sb="2" eb="4">
      <t>ボウシ</t>
    </rPh>
    <rPh sb="5" eb="6">
      <t>カン</t>
    </rPh>
    <rPh sb="8" eb="10">
      <t>ケンシュウ</t>
    </rPh>
    <phoneticPr fontId="1"/>
  </si>
  <si>
    <t>1．定期的に実施　　2．不定期に実施　　3．未実施</t>
    <rPh sb="2" eb="5">
      <t>テイキテキ</t>
    </rPh>
    <rPh sb="6" eb="8">
      <t>ジッシ</t>
    </rPh>
    <rPh sb="12" eb="15">
      <t>フテイキ</t>
    </rPh>
    <rPh sb="16" eb="18">
      <t>ジッシ</t>
    </rPh>
    <rPh sb="22" eb="25">
      <t>ミジッシ</t>
    </rPh>
    <phoneticPr fontId="3"/>
  </si>
  <si>
    <t>1．基準以上配置　　2．基準配置　　3．基準以下</t>
    <rPh sb="2" eb="4">
      <t>キジュン</t>
    </rPh>
    <rPh sb="4" eb="6">
      <t>イジョウ</t>
    </rPh>
    <rPh sb="6" eb="8">
      <t>ハイチ</t>
    </rPh>
    <rPh sb="12" eb="14">
      <t>キジュン</t>
    </rPh>
    <rPh sb="14" eb="16">
      <t>ハイチ</t>
    </rPh>
    <rPh sb="20" eb="22">
      <t>キジュン</t>
    </rPh>
    <rPh sb="22" eb="24">
      <t>イカ</t>
    </rPh>
    <phoneticPr fontId="3"/>
  </si>
  <si>
    <t>施設の安全点検</t>
    <rPh sb="0" eb="2">
      <t>シセツ</t>
    </rPh>
    <rPh sb="3" eb="5">
      <t>アンゼン</t>
    </rPh>
    <rPh sb="5" eb="7">
      <t>テンケン</t>
    </rPh>
    <phoneticPr fontId="1"/>
  </si>
  <si>
    <t>1．定期的に実施　　2．不定期に実施　　3．未実施　　4．ー</t>
    <rPh sb="2" eb="5">
      <t>テイキテキ</t>
    </rPh>
    <rPh sb="6" eb="8">
      <t>ジッシ</t>
    </rPh>
    <rPh sb="12" eb="15">
      <t>フテイキ</t>
    </rPh>
    <rPh sb="16" eb="18">
      <t>ジッシ</t>
    </rPh>
    <rPh sb="22" eb="25">
      <t>ミジッシ</t>
    </rPh>
    <phoneticPr fontId="3"/>
  </si>
  <si>
    <t>遊具の安全点検</t>
    <rPh sb="0" eb="2">
      <t>ユウグ</t>
    </rPh>
    <rPh sb="3" eb="5">
      <t>アンゼン</t>
    </rPh>
    <rPh sb="5" eb="7">
      <t>テンケン</t>
    </rPh>
    <phoneticPr fontId="1"/>
  </si>
  <si>
    <t>玩具の安全点検</t>
    <rPh sb="0" eb="2">
      <t>ガング</t>
    </rPh>
    <rPh sb="3" eb="5">
      <t>アンゼン</t>
    </rPh>
    <rPh sb="5" eb="7">
      <t>テンケン</t>
    </rPh>
    <phoneticPr fontId="1"/>
  </si>
  <si>
    <t>教育・保育の状況</t>
    <rPh sb="0" eb="2">
      <t>キョウイク</t>
    </rPh>
    <rPh sb="3" eb="5">
      <t>ホイク</t>
    </rPh>
    <rPh sb="6" eb="8">
      <t>ジョウキョウ</t>
    </rPh>
    <phoneticPr fontId="3"/>
  </si>
  <si>
    <t>1．集団活動中・見守りあり　　2．集団活動中・こども達のみ　　3．個人活動中・見守りあり
4．個人活動中・こどものみ　　5．睡眠(午睡)中　　6．食事(おやつ)中　　7．その他</t>
    <rPh sb="2" eb="4">
      <t>シュウダン</t>
    </rPh>
    <rPh sb="4" eb="6">
      <t>カツドウ</t>
    </rPh>
    <rPh sb="6" eb="7">
      <t>チュウ</t>
    </rPh>
    <rPh sb="8" eb="10">
      <t>ミマモ</t>
    </rPh>
    <rPh sb="17" eb="19">
      <t>シュウダン</t>
    </rPh>
    <rPh sb="19" eb="22">
      <t>カツドウチュウ</t>
    </rPh>
    <rPh sb="26" eb="27">
      <t>タチ</t>
    </rPh>
    <rPh sb="33" eb="35">
      <t>コジン</t>
    </rPh>
    <rPh sb="35" eb="38">
      <t>カツドウチュウ</t>
    </rPh>
    <rPh sb="39" eb="41">
      <t>ミマモ</t>
    </rPh>
    <rPh sb="47" eb="49">
      <t>コジン</t>
    </rPh>
    <rPh sb="49" eb="51">
      <t>カツドウ</t>
    </rPh>
    <rPh sb="51" eb="52">
      <t>チュウ</t>
    </rPh>
    <rPh sb="62" eb="64">
      <t>スイミン</t>
    </rPh>
    <rPh sb="65" eb="67">
      <t>ゴスイ</t>
    </rPh>
    <rPh sb="68" eb="69">
      <t>ナカ</t>
    </rPh>
    <rPh sb="73" eb="75">
      <t>ショクジ</t>
    </rPh>
    <rPh sb="80" eb="81">
      <t>ナカ</t>
    </rPh>
    <rPh sb="87" eb="88">
      <t>タ</t>
    </rPh>
    <phoneticPr fontId="3"/>
  </si>
  <si>
    <t>対象児の動き</t>
    <rPh sb="0" eb="2">
      <t>タイショウ</t>
    </rPh>
    <rPh sb="2" eb="3">
      <t>ジ</t>
    </rPh>
    <rPh sb="4" eb="5">
      <t>ウゴ</t>
    </rPh>
    <phoneticPr fontId="1"/>
  </si>
  <si>
    <t>1．いつもどおりの様子であった　　2．いつもより元気がなかった　　3．いつもより活発・活動的であった
4．具合が悪かった(熱発・腹痛・風邪気味等）</t>
    <rPh sb="9" eb="11">
      <t>ヨウス</t>
    </rPh>
    <rPh sb="24" eb="26">
      <t>ゲンキ</t>
    </rPh>
    <rPh sb="40" eb="42">
      <t>カッパツ</t>
    </rPh>
    <rPh sb="43" eb="46">
      <t>カツドウテキ</t>
    </rPh>
    <rPh sb="53" eb="55">
      <t>グアイ</t>
    </rPh>
    <rPh sb="56" eb="57">
      <t>ワル</t>
    </rPh>
    <rPh sb="61" eb="63">
      <t>ネッパツ</t>
    </rPh>
    <rPh sb="64" eb="66">
      <t>フクツウ</t>
    </rPh>
    <rPh sb="67" eb="72">
      <t>カゼギミナド</t>
    </rPh>
    <phoneticPr fontId="3"/>
  </si>
  <si>
    <t>1．対象児とマンツーマンの状態（対象児に接していた）
2．対象児の至近で対象児を見ていた
3．対象児から離れたところで対象児を見ていた
4．対象児の動きを見ていなかった</t>
    <rPh sb="2" eb="4">
      <t>タイショウ</t>
    </rPh>
    <rPh sb="4" eb="5">
      <t>ジ</t>
    </rPh>
    <rPh sb="13" eb="15">
      <t>ジョウタイ</t>
    </rPh>
    <rPh sb="16" eb="18">
      <t>タイショウ</t>
    </rPh>
    <rPh sb="18" eb="19">
      <t>ジ</t>
    </rPh>
    <rPh sb="20" eb="21">
      <t>セッ</t>
    </rPh>
    <rPh sb="29" eb="31">
      <t>タイショウ</t>
    </rPh>
    <rPh sb="31" eb="32">
      <t>ジ</t>
    </rPh>
    <rPh sb="33" eb="35">
      <t>シキン</t>
    </rPh>
    <rPh sb="36" eb="38">
      <t>タイショウ</t>
    </rPh>
    <rPh sb="38" eb="39">
      <t>ジ</t>
    </rPh>
    <rPh sb="40" eb="41">
      <t>ミ</t>
    </rPh>
    <rPh sb="47" eb="49">
      <t>タイショウ</t>
    </rPh>
    <rPh sb="49" eb="50">
      <t>ジ</t>
    </rPh>
    <rPh sb="52" eb="53">
      <t>ハナ</t>
    </rPh>
    <rPh sb="59" eb="61">
      <t>タイショウ</t>
    </rPh>
    <rPh sb="61" eb="62">
      <t>ジ</t>
    </rPh>
    <rPh sb="63" eb="64">
      <t>ミ</t>
    </rPh>
    <rPh sb="70" eb="72">
      <t>タイショウ</t>
    </rPh>
    <rPh sb="72" eb="73">
      <t>ジ</t>
    </rPh>
    <rPh sb="74" eb="75">
      <t>ウゴ</t>
    </rPh>
    <rPh sb="77" eb="78">
      <t>ミ</t>
    </rPh>
    <phoneticPr fontId="3"/>
  </si>
  <si>
    <t>他の職員の動き</t>
    <rPh sb="0" eb="1">
      <t>ホカ</t>
    </rPh>
    <rPh sb="2" eb="4">
      <t>ショクイン</t>
    </rPh>
    <rPh sb="5" eb="6">
      <t>ウゴ</t>
    </rPh>
    <phoneticPr fontId="1"/>
  </si>
  <si>
    <t>北海道</t>
    <rPh sb="0" eb="3">
      <t>ホッカイドウ</t>
    </rPh>
    <phoneticPr fontId="15"/>
  </si>
  <si>
    <t>青森県</t>
    <rPh sb="0" eb="3">
      <t>アオモリケン</t>
    </rPh>
    <phoneticPr fontId="15"/>
  </si>
  <si>
    <t>岩手県</t>
    <rPh sb="0" eb="3">
      <t>イワテケン</t>
    </rPh>
    <phoneticPr fontId="15"/>
  </si>
  <si>
    <t>宮城県</t>
    <rPh sb="0" eb="3">
      <t>ミヤギケン</t>
    </rPh>
    <phoneticPr fontId="15"/>
  </si>
  <si>
    <t>秋田県</t>
    <rPh sb="0" eb="3">
      <t>アキタケン</t>
    </rPh>
    <phoneticPr fontId="15"/>
  </si>
  <si>
    <t>山形県</t>
    <rPh sb="0" eb="3">
      <t>ヤマガタケン</t>
    </rPh>
    <phoneticPr fontId="15"/>
  </si>
  <si>
    <t>福島県</t>
    <rPh sb="0" eb="3">
      <t>フクシマケン</t>
    </rPh>
    <phoneticPr fontId="15"/>
  </si>
  <si>
    <t>茨城県</t>
    <rPh sb="0" eb="3">
      <t>イバラキケン</t>
    </rPh>
    <phoneticPr fontId="15"/>
  </si>
  <si>
    <t>栃木県</t>
    <rPh sb="0" eb="3">
      <t>トチギケン</t>
    </rPh>
    <phoneticPr fontId="15"/>
  </si>
  <si>
    <t>群馬県</t>
    <rPh sb="0" eb="3">
      <t>グンマケン</t>
    </rPh>
    <phoneticPr fontId="15"/>
  </si>
  <si>
    <t>埼玉県</t>
    <rPh sb="0" eb="3">
      <t>サイタマケン</t>
    </rPh>
    <phoneticPr fontId="15"/>
  </si>
  <si>
    <t>千葉県</t>
    <rPh sb="0" eb="3">
      <t>チバケン</t>
    </rPh>
    <phoneticPr fontId="15"/>
  </si>
  <si>
    <t>東京都</t>
    <rPh sb="0" eb="3">
      <t>トウキョウト</t>
    </rPh>
    <phoneticPr fontId="15"/>
  </si>
  <si>
    <t>神奈川県</t>
    <rPh sb="0" eb="4">
      <t>カナガワケン</t>
    </rPh>
    <phoneticPr fontId="15"/>
  </si>
  <si>
    <t>新潟県</t>
    <rPh sb="0" eb="3">
      <t>ニイガタケン</t>
    </rPh>
    <phoneticPr fontId="15"/>
  </si>
  <si>
    <t>富山県</t>
    <rPh sb="0" eb="3">
      <t>トヤマケン</t>
    </rPh>
    <phoneticPr fontId="15"/>
  </si>
  <si>
    <t>石川県</t>
    <rPh sb="0" eb="3">
      <t>イシカワケン</t>
    </rPh>
    <phoneticPr fontId="15"/>
  </si>
  <si>
    <t>福井県</t>
    <rPh sb="0" eb="3">
      <t>フクイケン</t>
    </rPh>
    <phoneticPr fontId="15"/>
  </si>
  <si>
    <t>山梨県</t>
    <rPh sb="0" eb="3">
      <t>ヤマナシケン</t>
    </rPh>
    <phoneticPr fontId="15"/>
  </si>
  <si>
    <t>長野県</t>
    <rPh sb="0" eb="3">
      <t>ナガノケン</t>
    </rPh>
    <phoneticPr fontId="15"/>
  </si>
  <si>
    <t>岐阜県</t>
    <rPh sb="0" eb="3">
      <t>ギフケン</t>
    </rPh>
    <phoneticPr fontId="15"/>
  </si>
  <si>
    <t>静岡県</t>
    <rPh sb="0" eb="3">
      <t>シズオカケン</t>
    </rPh>
    <phoneticPr fontId="16"/>
  </si>
  <si>
    <t>愛知県</t>
    <rPh sb="0" eb="3">
      <t>アイチケン</t>
    </rPh>
    <phoneticPr fontId="15"/>
  </si>
  <si>
    <t>三重県</t>
    <rPh sb="0" eb="3">
      <t>ミエケン</t>
    </rPh>
    <phoneticPr fontId="15"/>
  </si>
  <si>
    <t>滋賀県</t>
    <rPh sb="0" eb="3">
      <t>シガケン</t>
    </rPh>
    <phoneticPr fontId="15"/>
  </si>
  <si>
    <t>京都府</t>
    <rPh sb="0" eb="3">
      <t>キョウトフ</t>
    </rPh>
    <phoneticPr fontId="15"/>
  </si>
  <si>
    <t>大阪府</t>
    <rPh sb="0" eb="3">
      <t>オオサカフ</t>
    </rPh>
    <phoneticPr fontId="15"/>
  </si>
  <si>
    <t>兵庫県</t>
    <rPh sb="0" eb="3">
      <t>ヒョウゴケン</t>
    </rPh>
    <phoneticPr fontId="15"/>
  </si>
  <si>
    <t>奈良県</t>
  </si>
  <si>
    <t>和歌山県</t>
    <rPh sb="0" eb="4">
      <t>ワカヤマケン</t>
    </rPh>
    <phoneticPr fontId="15"/>
  </si>
  <si>
    <t>鳥取県</t>
    <rPh sb="0" eb="3">
      <t>トットリケン</t>
    </rPh>
    <phoneticPr fontId="15"/>
  </si>
  <si>
    <t>島根県</t>
    <rPh sb="0" eb="3">
      <t>シマネケン</t>
    </rPh>
    <phoneticPr fontId="15"/>
  </si>
  <si>
    <t>岡山県</t>
    <rPh sb="0" eb="3">
      <t>オカヤマケン</t>
    </rPh>
    <phoneticPr fontId="15"/>
  </si>
  <si>
    <t>広島県</t>
    <rPh sb="0" eb="3">
      <t>ヒロシマケン</t>
    </rPh>
    <phoneticPr fontId="15"/>
  </si>
  <si>
    <t>山口県</t>
  </si>
  <si>
    <t>徳島県</t>
    <rPh sb="0" eb="3">
      <t>トクシマケン</t>
    </rPh>
    <phoneticPr fontId="15"/>
  </si>
  <si>
    <t>香川県</t>
    <rPh sb="0" eb="3">
      <t>カガワケン</t>
    </rPh>
    <phoneticPr fontId="15"/>
  </si>
  <si>
    <t>愛媛県</t>
    <rPh sb="0" eb="3">
      <t>エヒメケン</t>
    </rPh>
    <phoneticPr fontId="15"/>
  </si>
  <si>
    <t>高知県</t>
    <rPh sb="0" eb="3">
      <t>コウチケン</t>
    </rPh>
    <phoneticPr fontId="16"/>
  </si>
  <si>
    <t>福岡県</t>
    <rPh sb="0" eb="3">
      <t>フクオカケン</t>
    </rPh>
    <phoneticPr fontId="15"/>
  </si>
  <si>
    <t>佐賀県</t>
    <rPh sb="0" eb="2">
      <t>サガ</t>
    </rPh>
    <rPh sb="2" eb="3">
      <t>ケン</t>
    </rPh>
    <phoneticPr fontId="15"/>
  </si>
  <si>
    <t>長崎県</t>
    <rPh sb="0" eb="3">
      <t>ナガサキケン</t>
    </rPh>
    <phoneticPr fontId="15"/>
  </si>
  <si>
    <t>熊本県</t>
  </si>
  <si>
    <t>大分県</t>
    <rPh sb="0" eb="3">
      <t>オオイタケン</t>
    </rPh>
    <phoneticPr fontId="15"/>
  </si>
  <si>
    <t>宮崎県</t>
    <rPh sb="0" eb="3">
      <t>ミヤザキケン</t>
    </rPh>
    <phoneticPr fontId="15"/>
  </si>
  <si>
    <t>鹿児島県</t>
    <rPh sb="0" eb="4">
      <t>カゴシマケン</t>
    </rPh>
    <phoneticPr fontId="15"/>
  </si>
  <si>
    <t>沖縄県</t>
    <rPh sb="0" eb="2">
      <t>オキナワ</t>
    </rPh>
    <rPh sb="2" eb="3">
      <t>ケン</t>
    </rPh>
    <phoneticPr fontId="15"/>
  </si>
  <si>
    <t>施設・事業所所在地</t>
    <phoneticPr fontId="1"/>
  </si>
  <si>
    <t>施設・事業所代表者等</t>
    <phoneticPr fontId="1"/>
  </si>
  <si>
    <r>
      <t xml:space="preserve">施設・事業所設置者等
</t>
    </r>
    <r>
      <rPr>
        <sz val="6"/>
        <rFont val="ＭＳ Ｐゴシック"/>
        <family val="3"/>
        <charset val="128"/>
        <scheme val="major"/>
      </rPr>
      <t>（社名・法人名・自治体名等）</t>
    </r>
    <rPh sb="0" eb="2">
      <t>シセツ</t>
    </rPh>
    <rPh sb="3" eb="6">
      <t>ジギョウショ</t>
    </rPh>
    <rPh sb="6" eb="10">
      <t>セッチシャトウ</t>
    </rPh>
    <rPh sb="12" eb="14">
      <t>シャメイ</t>
    </rPh>
    <rPh sb="15" eb="18">
      <t>ホウジンメイ</t>
    </rPh>
    <rPh sb="19" eb="23">
      <t>ジチタイメイ</t>
    </rPh>
    <rPh sb="23" eb="24">
      <t>トウ</t>
    </rPh>
    <phoneticPr fontId="1"/>
  </si>
  <si>
    <r>
      <t xml:space="preserve">事故報告自治体
</t>
    </r>
    <r>
      <rPr>
        <sz val="8"/>
        <rFont val="ＭＳ Ｐゴシック"/>
        <family val="3"/>
        <charset val="128"/>
        <scheme val="minor"/>
      </rPr>
      <t>（都道府県のみ）</t>
    </r>
    <rPh sb="0" eb="4">
      <t>ジコホウコク</t>
    </rPh>
    <rPh sb="9" eb="13">
      <t>トドウフケン</t>
    </rPh>
    <phoneticPr fontId="1"/>
  </si>
  <si>
    <r>
      <t>1．意識不明　　2．骨折(重篤な障害が疑われるもの)　　3．骨折(重篤な障害が疑われるもの以外)
4．</t>
    </r>
    <r>
      <rPr>
        <sz val="9"/>
        <rFont val="ＭＳ Ｐゴシック"/>
        <family val="3"/>
        <charset val="128"/>
      </rPr>
      <t>火傷　　5．創傷(切創・裂創等）　　6．口腔内受傷　　7．その他　　8．ー</t>
    </r>
    <rPh sb="2" eb="4">
      <t>イシキ</t>
    </rPh>
    <rPh sb="4" eb="6">
      <t>フメイ</t>
    </rPh>
    <rPh sb="10" eb="12">
      <t>コッセツ</t>
    </rPh>
    <rPh sb="13" eb="15">
      <t>ジュウトク</t>
    </rPh>
    <rPh sb="16" eb="18">
      <t>ショウガイ</t>
    </rPh>
    <rPh sb="19" eb="20">
      <t>ウタガ</t>
    </rPh>
    <rPh sb="30" eb="32">
      <t>コッセツ</t>
    </rPh>
    <rPh sb="33" eb="35">
      <t>ジュウトク</t>
    </rPh>
    <rPh sb="36" eb="38">
      <t>ショウガイ</t>
    </rPh>
    <rPh sb="39" eb="40">
      <t>ウタガ</t>
    </rPh>
    <rPh sb="45" eb="47">
      <t>イガイ</t>
    </rPh>
    <rPh sb="51" eb="53">
      <t>ヤケド</t>
    </rPh>
    <rPh sb="57" eb="59">
      <t>ソウショウ</t>
    </rPh>
    <rPh sb="60" eb="62">
      <t>セッソウ</t>
    </rPh>
    <rPh sb="63" eb="65">
      <t>レッソウ</t>
    </rPh>
    <rPh sb="65" eb="66">
      <t>トウ</t>
    </rPh>
    <rPh sb="71" eb="73">
      <t>コウクウ</t>
    </rPh>
    <rPh sb="73" eb="74">
      <t>ナイ</t>
    </rPh>
    <rPh sb="74" eb="76">
      <t>ジュショウ</t>
    </rPh>
    <rPh sb="82" eb="83">
      <t>タ</t>
    </rPh>
    <phoneticPr fontId="3"/>
  </si>
  <si>
    <t>③　特別支援学校幼稚部</t>
    <rPh sb="2" eb="8">
      <t>トクベツシエンガッコウ</t>
    </rPh>
    <rPh sb="8" eb="11">
      <t>ヨウチブ</t>
    </rPh>
    <phoneticPr fontId="1"/>
  </si>
  <si>
    <t>④　放課後児童健全育成事業（放課後児童クラブ）</t>
    <rPh sb="2" eb="5">
      <t>ホウカゴ</t>
    </rPh>
    <rPh sb="5" eb="11">
      <t>ジドウケンゼンイクセイ</t>
    </rPh>
    <rPh sb="11" eb="13">
      <t>ジギョウ</t>
    </rPh>
    <rPh sb="14" eb="17">
      <t>ホウカゴ</t>
    </rPh>
    <rPh sb="17" eb="19">
      <t>ジドウ</t>
    </rPh>
    <phoneticPr fontId="1"/>
  </si>
  <si>
    <t>⑤　子育て短期支援事業（ショートステイ、トワイライトステイ）</t>
    <rPh sb="2" eb="4">
      <t>コソダ</t>
    </rPh>
    <rPh sb="5" eb="11">
      <t>タンキシエンジギョウ</t>
    </rPh>
    <phoneticPr fontId="1"/>
  </si>
  <si>
    <t>⑥　子育て援助活動支援事業（ファミリー・サポート・センター事業）</t>
    <rPh sb="2" eb="4">
      <t>コソダ</t>
    </rPh>
    <rPh sb="5" eb="9">
      <t>エンジョカツドウ</t>
    </rPh>
    <rPh sb="9" eb="13">
      <t>シエンジギョウ</t>
    </rPh>
    <rPh sb="29" eb="31">
      <t>ジギョウ</t>
    </rPh>
    <phoneticPr fontId="1"/>
  </si>
  <si>
    <t>→　消費者庁消費者安全課（i.syouhisya.anzen@caa.go.jp）</t>
    <phoneticPr fontId="1"/>
  </si>
  <si>
    <t>※　当該事故に関連する要因や特記事項がある場合、必ず記載してください。
※　記載内容が無い場合は、空欄ではなく「特になし」等と記載してください（以下、同項目において同じ。）。</t>
    <rPh sb="16" eb="18">
      <t>ジコウ</t>
    </rPh>
    <rPh sb="26" eb="28">
      <t>キサイ</t>
    </rPh>
    <rPh sb="38" eb="42">
      <t>キサイナイヨウ</t>
    </rPh>
    <rPh sb="43" eb="44">
      <t>ナ</t>
    </rPh>
    <rPh sb="45" eb="47">
      <t>バアイ</t>
    </rPh>
    <rPh sb="49" eb="51">
      <t>クウラン</t>
    </rPh>
    <rPh sb="56" eb="57">
      <t>トク</t>
    </rPh>
    <rPh sb="61" eb="62">
      <t>トウ</t>
    </rPh>
    <rPh sb="63" eb="65">
      <t>キサイ</t>
    </rPh>
    <rPh sb="72" eb="74">
      <t>イカ</t>
    </rPh>
    <rPh sb="75" eb="78">
      <t>ドウコウモク</t>
    </rPh>
    <rPh sb="82" eb="83">
      <t>オナ</t>
    </rPh>
    <phoneticPr fontId="1"/>
  </si>
  <si>
    <t>※　施設外での事故の場合は、当該場所の安全点検状況を記載してください（以下同じ。）。</t>
    <rPh sb="2" eb="5">
      <t>シセツガイ</t>
    </rPh>
    <rPh sb="7" eb="9">
      <t>ジコ</t>
    </rPh>
    <rPh sb="10" eb="12">
      <t>バアイ</t>
    </rPh>
    <rPh sb="14" eb="18">
      <t>トウガイバショ</t>
    </rPh>
    <rPh sb="19" eb="23">
      <t>アンゼンテンケン</t>
    </rPh>
    <rPh sb="23" eb="25">
      <t>ジョウキョウ</t>
    </rPh>
    <rPh sb="26" eb="28">
      <t>キサイ</t>
    </rPh>
    <rPh sb="35" eb="37">
      <t>イカ</t>
    </rPh>
    <rPh sb="37" eb="38">
      <t>オナ</t>
    </rPh>
    <phoneticPr fontId="1"/>
  </si>
  <si>
    <t>※　遊具等の器具により事故が発生した場合には、当該器具のメーカー名、製品名、型式、構造等についても記載してください。</t>
    <phoneticPr fontId="1"/>
  </si>
  <si>
    <t>※　玩具等の器具により事故が発生した場合には、当該器具のメーカー名、製品名、型式、構造等についても記載してください。</t>
    <phoneticPr fontId="1"/>
  </si>
  <si>
    <t>※　マニュアルや指針の名称を記載してください。
※　記載内容が無い場合は、空欄ではなく「特になし」等と記載してください（以下、同項目において同じ。）。</t>
    <rPh sb="26" eb="28">
      <t>キサイ</t>
    </rPh>
    <phoneticPr fontId="1"/>
  </si>
  <si>
    <t>いつもより活発・活動的であった</t>
    <phoneticPr fontId="1"/>
  </si>
  <si>
    <t>1．担当者・対象児の動きを見ていた(至近距離にいた）
2．担当者・対象児の動きを見ていなかった　　3．－</t>
    <rPh sb="2" eb="5">
      <t>タントウシャ</t>
    </rPh>
    <rPh sb="6" eb="8">
      <t>タイショウ</t>
    </rPh>
    <rPh sb="8" eb="9">
      <t>ジ</t>
    </rPh>
    <rPh sb="10" eb="11">
      <t>ウゴ</t>
    </rPh>
    <rPh sb="13" eb="14">
      <t>ミ</t>
    </rPh>
    <rPh sb="18" eb="20">
      <t>シキン</t>
    </rPh>
    <rPh sb="20" eb="22">
      <t>キョリ</t>
    </rPh>
    <rPh sb="29" eb="32">
      <t>タントウシャ</t>
    </rPh>
    <rPh sb="33" eb="35">
      <t>タイショウ</t>
    </rPh>
    <rPh sb="35" eb="36">
      <t>ジ</t>
    </rPh>
    <rPh sb="37" eb="38">
      <t>ウゴ</t>
    </rPh>
    <rPh sb="40" eb="41">
      <t>ミ</t>
    </rPh>
    <phoneticPr fontId="3"/>
  </si>
  <si>
    <r>
      <t>窒息　</t>
    </r>
    <r>
      <rPr>
        <sz val="10"/>
        <color rgb="FFFF0000"/>
        <rFont val="ＭＳ Ｐゴシック"/>
        <family val="3"/>
        <charset val="128"/>
        <scheme val="major"/>
      </rPr>
      <t>※　事故の転帰が「負傷」の場合は、「ー」を選択してください。</t>
    </r>
    <rPh sb="0" eb="2">
      <t>チッソク</t>
    </rPh>
    <rPh sb="5" eb="7">
      <t>ジコ</t>
    </rPh>
    <rPh sb="8" eb="10">
      <t>テンキ</t>
    </rPh>
    <rPh sb="12" eb="14">
      <t>フショウ</t>
    </rPh>
    <rPh sb="16" eb="18">
      <t>バアイ</t>
    </rPh>
    <rPh sb="24" eb="26">
      <t>センタク</t>
    </rPh>
    <phoneticPr fontId="1"/>
  </si>
  <si>
    <r>
      <rPr>
        <b/>
        <sz val="10"/>
        <color theme="1"/>
        <rFont val="ＭＳ Ｐゴシック"/>
        <family val="3"/>
        <charset val="128"/>
        <scheme val="major"/>
      </rPr>
      <t>ー</t>
    </r>
    <r>
      <rPr>
        <b/>
        <sz val="10"/>
        <color rgb="FFFF0000"/>
        <rFont val="ＭＳ Ｐゴシック"/>
        <family val="3"/>
        <charset val="128"/>
        <scheme val="major"/>
      </rPr>
      <t>　</t>
    </r>
    <r>
      <rPr>
        <sz val="10"/>
        <color rgb="FFFF0000"/>
        <rFont val="ＭＳ Ｐゴシック"/>
        <family val="3"/>
        <charset val="128"/>
        <scheme val="major"/>
      </rPr>
      <t>※　事故の転帰が「死亡」の場合は、「ー」を選択してください。</t>
    </r>
    <rPh sb="4" eb="6">
      <t>ジコ</t>
    </rPh>
    <rPh sb="7" eb="9">
      <t>テンキ</t>
    </rPh>
    <rPh sb="11" eb="13">
      <t>シボウ</t>
    </rPh>
    <rPh sb="15" eb="17">
      <t>バアイ</t>
    </rPh>
    <rPh sb="23" eb="25">
      <t>センタク</t>
    </rPh>
    <phoneticPr fontId="1"/>
  </si>
  <si>
    <t>E山　F男</t>
    <phoneticPr fontId="1"/>
  </si>
  <si>
    <t>G法人H会</t>
    <phoneticPr fontId="1"/>
  </si>
  <si>
    <t>事故発生時のこどもの人数
の内訳</t>
    <phoneticPr fontId="1"/>
  </si>
  <si>
    <t>事故発生時のこどもの人数
の内訳</t>
    <rPh sb="14" eb="16">
      <t>ウチワケ</t>
    </rPh>
    <phoneticPr fontId="1"/>
  </si>
  <si>
    <t>【園の対応】
○/○　園において児童の保護者と面談　　○/○　園で保護者説明会　　○/○　理事会で園長が説明
【市の対応】
○/○　記者クラブへ概要を説明</t>
    <phoneticPr fontId="1"/>
  </si>
  <si>
    <t>→　消費者庁消費者安全課（i.syouhisya.anzen@caa.go.jp）　</t>
    <phoneticPr fontId="1"/>
  </si>
  <si>
    <t>→　こども家庭庁成育局保育政策課認可外保育施設担当室指導係（ninkagaihoikushisetsu.shidou@cfa.go.jp）</t>
    <rPh sb="26" eb="29">
      <t>シドウカカリ</t>
    </rPh>
    <phoneticPr fontId="1"/>
  </si>
  <si>
    <t>→　こども家庭庁成育局成育環境課健全育成係（seiikukankyou.kenzen@cfa.go.jp）</t>
    <rPh sb="16" eb="20">
      <t>ケンゼンイクセイ</t>
    </rPh>
    <rPh sb="20" eb="21">
      <t>カカリ</t>
    </rPh>
    <phoneticPr fontId="1"/>
  </si>
  <si>
    <t>→　こども家庭庁成育局成育環境課家庭支援係（seiikukankyou.katei@cfa.go.jp）</t>
    <rPh sb="16" eb="21">
      <t>カテイシエンカカリ</t>
    </rPh>
    <phoneticPr fontId="1"/>
  </si>
  <si>
    <t>→　こども家庭庁成育局成育環境課子育て支援係（seiikukankyou.kosodate@cfa.go.jp）</t>
    <rPh sb="16" eb="18">
      <t>コソダ</t>
    </rPh>
    <rPh sb="19" eb="21">
      <t>シエン</t>
    </rPh>
    <rPh sb="21" eb="22">
      <t>カカリ</t>
    </rPh>
    <phoneticPr fontId="1"/>
  </si>
  <si>
    <t>→　文部科学省総合教育政策局男女共同参画共生社会学習・安全課安全教育推進室学校安全係（anzen@mext.go.jp）</t>
    <rPh sb="30" eb="37">
      <t>アンゼンキョウイクスイシンシツ</t>
    </rPh>
    <rPh sb="37" eb="42">
      <t>ガッコウアンゼンカカリ</t>
    </rPh>
    <phoneticPr fontId="1"/>
  </si>
  <si>
    <t>→　文部科学省総合教育政策局男女共同参画共生社会学習・安全課安全教育推進室学校安全係（anzen@mext.go.jp）</t>
    <phoneticPr fontId="1"/>
  </si>
  <si>
    <t>→　文部科学省初等中等教育局幼児教育課（youji@mext.go.jp ）</t>
    <phoneticPr fontId="1"/>
  </si>
  <si>
    <t>→　文部科学省初等中等教育局特別支援教育課（toku-sidoui@mext.go.jp）</t>
    <phoneticPr fontId="1"/>
  </si>
  <si>
    <t>※　【施設・事業所別の報告先】及び【全施設・事業所共通の報告先】ともに報告をお願いします。
※　裏面の記載事項は、大半部分を公表する予定であるため、個人情報（対象児氏名、搬送先病院名等）は記載しないでください。</t>
    <rPh sb="57" eb="59">
      <t>タイハン</t>
    </rPh>
    <rPh sb="59" eb="61">
      <t>ブブン</t>
    </rPh>
    <phoneticPr fontId="1"/>
  </si>
  <si>
    <t>※　【施設・事業所別の報告先】及び【全施設・事業所共通の報告先】ともに報告をお願いします。
※　裏面の記載事項は大半部分を公表する予定であるため、個人情報（対象児氏名、搬送先病院名等）は記載しないでください。</t>
    <rPh sb="48" eb="50">
      <t>ウラメン</t>
    </rPh>
    <rPh sb="51" eb="55">
      <t>キサイジコウ</t>
    </rPh>
    <rPh sb="73" eb="77">
      <t>コジンジョウホウ</t>
    </rPh>
    <rPh sb="78" eb="83">
      <t>タイショウジシメイ</t>
    </rPh>
    <rPh sb="84" eb="90">
      <t>ハンソウサキビョウインメイ</t>
    </rPh>
    <rPh sb="90" eb="91">
      <t>トウ</t>
    </rPh>
    <rPh sb="93" eb="95">
      <t>キサイ</t>
    </rPh>
    <phoneticPr fontId="1"/>
  </si>
  <si>
    <t>※　第１報は、本報告書（表面）を記載して報告してください。
※　第１報は、原則事故発生当日（遅くとも事故発生翌日）、第２報は原則１か月以内程度に報告してください。
※　第２報は、記載内容について保護者の了解を得た後に、各自治体へ報告してください。
※　直近の指導監査の状況報告及び発生時の状況図（写真等を含む）を添付してください。
※　意識不明事故に該当しないものの、意識不明に陥った後に死亡事故や重篤な事故となった場合は、意識不明時の状況も記載してください。
※　「（負傷の場合）負傷状況」欄における「骨折（重篤な障害が疑われるもの）」については、医師の所見等により、骨折に伴う重篤な障害
　（偽関節、著しい運動障害、著しい変形等）が残ることが疑われる場合に選択してください。
※　記載欄は適宜広げて記載してください。</t>
    <rPh sb="7" eb="8">
      <t>ホン</t>
    </rPh>
    <rPh sb="12" eb="14">
      <t>オモテメン</t>
    </rPh>
    <rPh sb="16" eb="18">
      <t>キサイ</t>
    </rPh>
    <rPh sb="20" eb="22">
      <t>ホウコク</t>
    </rPh>
    <rPh sb="72" eb="74">
      <t>ホウコク</t>
    </rPh>
    <rPh sb="84" eb="85">
      <t>ダイ</t>
    </rPh>
    <rPh sb="86" eb="87">
      <t>ホウ</t>
    </rPh>
    <rPh sb="89" eb="91">
      <t>キサイ</t>
    </rPh>
    <rPh sb="91" eb="93">
      <t>ナイヨウ</t>
    </rPh>
    <rPh sb="97" eb="100">
      <t>ホゴシャ</t>
    </rPh>
    <rPh sb="101" eb="103">
      <t>リョウカイ</t>
    </rPh>
    <rPh sb="104" eb="105">
      <t>エ</t>
    </rPh>
    <rPh sb="106" eb="107">
      <t>アト</t>
    </rPh>
    <rPh sb="109" eb="113">
      <t>カクジチタイ</t>
    </rPh>
    <rPh sb="114" eb="116">
      <t>ホウコク</t>
    </rPh>
    <rPh sb="138" eb="139">
      <t>オヨ</t>
    </rPh>
    <rPh sb="235" eb="237">
      <t>フショウ</t>
    </rPh>
    <rPh sb="238" eb="240">
      <t>バアイ</t>
    </rPh>
    <rPh sb="241" eb="245">
      <t>フショウジョウキョウ</t>
    </rPh>
    <rPh sb="246" eb="247">
      <t>ラン</t>
    </rPh>
    <rPh sb="252" eb="254">
      <t>コッセツ</t>
    </rPh>
    <rPh sb="255" eb="257">
      <t>ジュウトク</t>
    </rPh>
    <rPh sb="258" eb="260">
      <t>ショウガイ</t>
    </rPh>
    <rPh sb="261" eb="262">
      <t>ウタガ</t>
    </rPh>
    <rPh sb="275" eb="277">
      <t>イシ</t>
    </rPh>
    <rPh sb="278" eb="281">
      <t>ショケントウ</t>
    </rPh>
    <rPh sb="285" eb="287">
      <t>コッセツ</t>
    </rPh>
    <rPh sb="288" eb="289">
      <t>トモナ</t>
    </rPh>
    <rPh sb="290" eb="292">
      <t>ジュウトク</t>
    </rPh>
    <rPh sb="293" eb="295">
      <t>ショウガイ</t>
    </rPh>
    <rPh sb="298" eb="301">
      <t>ギカンセツ</t>
    </rPh>
    <rPh sb="302" eb="303">
      <t>イチジル</t>
    </rPh>
    <rPh sb="305" eb="309">
      <t>ウンドウショウガイ</t>
    </rPh>
    <rPh sb="310" eb="311">
      <t>イチジル</t>
    </rPh>
    <rPh sb="313" eb="316">
      <t>ヘンケイトウ</t>
    </rPh>
    <rPh sb="318" eb="319">
      <t>ノコ</t>
    </rPh>
    <rPh sb="323" eb="324">
      <t>ウタガ</t>
    </rPh>
    <rPh sb="327" eb="329">
      <t>バアイ</t>
    </rPh>
    <rPh sb="330" eb="332">
      <t>センタク</t>
    </rPh>
    <phoneticPr fontId="1"/>
  </si>
  <si>
    <t>※　第１報は、本報告書（表面）を記載して報告してください。
※　第１報は、原則事故発生当日（遅くとも事故発生翌日）、第２報は原則１か月以内程度に報告してください。
※　第２報は、記載内容について保護者の了解を得た後に、各自治体へ報告してください。
※　直近の指導監査の状況報告及び発生時の状況図（写真等を含む）を添付してください。
※　意識不明事故に該当しないものの、意識不明に陥った後に死亡事故や重篤な事故となった場合は、意識不明時の状況も記載してください。
※　「（負傷の場合）負傷状況」欄における「骨折（重篤な障害が疑われるもの）」については、医師の所見等により、骨折に伴う重篤な障害
　（偽関節、著しい運動障害、著しい変形等）が残ることが疑われる場合に選択してください。
※　記載欄は適宜広げて記載してください。</t>
    <rPh sb="168" eb="174">
      <t>イシキフメイジコ</t>
    </rPh>
    <rPh sb="175" eb="177">
      <t>ガイトウ</t>
    </rPh>
    <rPh sb="184" eb="188">
      <t>イシキフメイ</t>
    </rPh>
    <rPh sb="189" eb="190">
      <t>オチイ</t>
    </rPh>
    <rPh sb="192" eb="193">
      <t>ノチ</t>
    </rPh>
    <rPh sb="194" eb="198">
      <t>シボウジコ</t>
    </rPh>
    <rPh sb="199" eb="201">
      <t>ジュウトク</t>
    </rPh>
    <rPh sb="202" eb="204">
      <t>ジコ</t>
    </rPh>
    <rPh sb="208" eb="210">
      <t>バアイ</t>
    </rPh>
    <rPh sb="212" eb="217">
      <t>イシキフメイジ</t>
    </rPh>
    <rPh sb="218" eb="220">
      <t>ジョウキョウ</t>
    </rPh>
    <rPh sb="221" eb="223">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yyyy/m/d;@"/>
    <numFmt numFmtId="177" formatCode="0&quot;名&quot;"/>
    <numFmt numFmtId="178" formatCode="&quot;年&quot;&quot;に&quot;0&quot;回&quot;"/>
  </numFmts>
  <fonts count="47" x14ac:knownFonts="1">
    <font>
      <sz val="11"/>
      <color theme="1"/>
      <name val="ＭＳ Ｐゴシック"/>
      <family val="2"/>
      <charset val="128"/>
      <scheme val="minor"/>
    </font>
    <font>
      <sz val="6"/>
      <name val="ＭＳ Ｐゴシック"/>
      <family val="2"/>
      <charset val="128"/>
      <scheme val="minor"/>
    </font>
    <font>
      <sz val="9"/>
      <name val="ＭＳ Ｐゴシック"/>
      <family val="3"/>
      <charset val="128"/>
      <scheme val="minor"/>
    </font>
    <font>
      <sz val="6"/>
      <name val="ＭＳ Ｐゴシック"/>
      <family val="3"/>
      <charset val="128"/>
    </font>
    <font>
      <b/>
      <sz val="12"/>
      <name val="ＭＳ Ｐゴシック"/>
      <family val="3"/>
      <charset val="128"/>
      <scheme val="minor"/>
    </font>
    <font>
      <sz val="10"/>
      <color theme="1"/>
      <name val="ＭＳ Ｐゴシック"/>
      <family val="3"/>
      <charset val="128"/>
      <scheme val="major"/>
    </font>
    <font>
      <sz val="9"/>
      <name val="ＭＳ Ｐゴシック"/>
      <family val="3"/>
      <charset val="128"/>
      <scheme val="major"/>
    </font>
    <font>
      <sz val="6"/>
      <name val="ＭＳ Ｐゴシック"/>
      <family val="3"/>
      <charset val="128"/>
      <scheme val="major"/>
    </font>
    <font>
      <sz val="8"/>
      <name val="ＭＳ Ｐゴシック"/>
      <family val="3"/>
      <charset val="128"/>
      <scheme val="major"/>
    </font>
    <font>
      <b/>
      <sz val="8"/>
      <name val="ＭＳ Ｐゴシック"/>
      <family val="3"/>
      <charset val="128"/>
      <scheme val="major"/>
    </font>
    <font>
      <sz val="12"/>
      <color theme="1"/>
      <name val="ＭＳ Ｐゴシック"/>
      <family val="3"/>
      <charset val="128"/>
      <scheme val="minor"/>
    </font>
    <font>
      <b/>
      <sz val="12"/>
      <name val="ＭＳ Ｐゴシック"/>
      <family val="3"/>
      <charset val="128"/>
      <scheme val="major"/>
    </font>
    <font>
      <b/>
      <sz val="9"/>
      <name val="ＭＳ Ｐゴシック"/>
      <family val="3"/>
      <charset val="128"/>
      <scheme val="minor"/>
    </font>
    <font>
      <sz val="9"/>
      <name val="ＭＳ Ｐゴシック"/>
      <family val="3"/>
      <charset val="128"/>
    </font>
    <font>
      <sz val="11"/>
      <name val="ＭＳ ゴシック"/>
      <family val="3"/>
      <charset val="128"/>
    </font>
    <font>
      <sz val="11"/>
      <color theme="1"/>
      <name val="ＭＳ Ｐゴシック"/>
      <family val="2"/>
      <charset val="128"/>
      <scheme val="minor"/>
    </font>
    <font>
      <sz val="11"/>
      <color rgb="FF9C0006"/>
      <name val="ＭＳ Ｐゴシック"/>
      <family val="2"/>
      <charset val="128"/>
      <scheme val="minor"/>
    </font>
    <font>
      <sz val="11"/>
      <color rgb="FFFF0000"/>
      <name val="ＭＳ Ｐゴシック"/>
      <family val="2"/>
      <charset val="128"/>
      <scheme val="minor"/>
    </font>
    <font>
      <sz val="11"/>
      <name val="ＭＳ Ｐゴシック"/>
      <family val="2"/>
      <charset val="128"/>
      <scheme val="minor"/>
    </font>
    <font>
      <b/>
      <sz val="11"/>
      <color rgb="FFFF0000"/>
      <name val="ＭＳ Ｐゴシック"/>
      <family val="3"/>
      <charset val="128"/>
      <scheme val="minor"/>
    </font>
    <font>
      <sz val="12"/>
      <color theme="1"/>
      <name val="ＭＳ Ｐゴシック"/>
      <family val="2"/>
      <charset val="128"/>
      <scheme val="minor"/>
    </font>
    <font>
      <sz val="11"/>
      <color theme="1"/>
      <name val="ＭＳ ゴシック"/>
      <family val="3"/>
      <charset val="128"/>
    </font>
    <font>
      <b/>
      <sz val="9"/>
      <name val="ＭＳ Ｐゴシック"/>
      <family val="3"/>
      <charset val="128"/>
      <scheme val="major"/>
    </font>
    <font>
      <b/>
      <sz val="10"/>
      <name val="ＭＳ Ｐゴシック"/>
      <family val="3"/>
      <charset val="128"/>
      <scheme val="major"/>
    </font>
    <font>
      <b/>
      <sz val="20"/>
      <name val="ＭＳ Ｐゴシック"/>
      <family val="3"/>
      <charset val="128"/>
      <scheme val="major"/>
    </font>
    <font>
      <sz val="9"/>
      <color rgb="FFFF0000"/>
      <name val="ＭＳ Ｐゴシック"/>
      <family val="3"/>
      <charset val="128"/>
      <scheme val="major"/>
    </font>
    <font>
      <b/>
      <sz val="10"/>
      <name val="ＭＳ Ｐゴシック"/>
      <family val="3"/>
      <charset val="128"/>
      <scheme val="minor"/>
    </font>
    <font>
      <b/>
      <sz val="12"/>
      <color rgb="FFFF0000"/>
      <name val="ＭＳ Ｐゴシック"/>
      <family val="3"/>
      <charset val="128"/>
      <scheme val="major"/>
    </font>
    <font>
      <b/>
      <sz val="6"/>
      <name val="ＭＳ Ｐゴシック"/>
      <family val="3"/>
      <charset val="128"/>
      <scheme val="major"/>
    </font>
    <font>
      <sz val="6"/>
      <color theme="1"/>
      <name val="ＭＳ Ｐゴシック"/>
      <family val="3"/>
      <charset val="128"/>
      <scheme val="major"/>
    </font>
    <font>
      <b/>
      <sz val="6"/>
      <color theme="1"/>
      <name val="ＭＳ Ｐゴシック"/>
      <family val="3"/>
      <charset val="128"/>
      <scheme val="major"/>
    </font>
    <font>
      <b/>
      <sz val="10"/>
      <color rgb="FFFF0000"/>
      <name val="ＭＳ Ｐゴシック"/>
      <family val="3"/>
      <charset val="128"/>
      <scheme val="major"/>
    </font>
    <font>
      <sz val="10"/>
      <color theme="1"/>
      <name val="ＭＳ Ｐゴシック"/>
      <family val="3"/>
      <charset val="128"/>
      <scheme val="minor"/>
    </font>
    <font>
      <sz val="36"/>
      <color theme="1"/>
      <name val="ＭＳ Ｐゴシック"/>
      <family val="3"/>
      <charset val="128"/>
      <scheme val="minor"/>
    </font>
    <font>
      <sz val="8"/>
      <name val="ＭＳ ゴシック"/>
      <family val="3"/>
      <charset val="128"/>
    </font>
    <font>
      <sz val="7"/>
      <name val="ＭＳ Ｐゴシック"/>
      <family val="3"/>
      <charset val="128"/>
      <scheme val="major"/>
    </font>
    <font>
      <b/>
      <sz val="10"/>
      <name val="ＭＳ Ｐゴシック"/>
      <family val="3"/>
      <charset val="128"/>
    </font>
    <font>
      <b/>
      <sz val="8"/>
      <name val="ＭＳ Ｐゴシック"/>
      <family val="3"/>
      <charset val="128"/>
    </font>
    <font>
      <sz val="11"/>
      <color rgb="FFFF0000"/>
      <name val="ＭＳ Ｐゴシック"/>
      <family val="3"/>
      <charset val="128"/>
      <scheme val="minor"/>
    </font>
    <font>
      <b/>
      <sz val="10"/>
      <color theme="1"/>
      <name val="ＭＳ Ｐゴシック"/>
      <family val="3"/>
      <charset val="128"/>
      <scheme val="major"/>
    </font>
    <font>
      <sz val="8"/>
      <name val="ＭＳ Ｐゴシック"/>
      <family val="3"/>
      <charset val="128"/>
      <scheme val="minor"/>
    </font>
    <font>
      <sz val="8"/>
      <color rgb="FFFF0000"/>
      <name val="ＭＳ Ｐゴシック"/>
      <family val="3"/>
      <charset val="128"/>
      <scheme val="major"/>
    </font>
    <font>
      <sz val="6"/>
      <color rgb="FFFF0000"/>
      <name val="ＭＳ Ｐゴシック"/>
      <family val="3"/>
      <charset val="128"/>
      <scheme val="major"/>
    </font>
    <font>
      <sz val="10"/>
      <color rgb="FFFF0000"/>
      <name val="ＭＳ Ｐゴシック"/>
      <family val="3"/>
      <charset val="128"/>
      <scheme val="major"/>
    </font>
    <font>
      <sz val="7"/>
      <color rgb="FFFF0000"/>
      <name val="ＭＳ Ｐゴシック"/>
      <family val="3"/>
      <charset val="128"/>
      <scheme val="major"/>
    </font>
    <font>
      <b/>
      <sz val="8"/>
      <color theme="1"/>
      <name val="ＭＳ Ｐゴシック"/>
      <family val="3"/>
      <charset val="128"/>
      <scheme val="major"/>
    </font>
    <font>
      <b/>
      <sz val="7"/>
      <color theme="1"/>
      <name val="ＭＳ Ｐゴシック"/>
      <family val="3"/>
      <charset val="128"/>
      <scheme val="major"/>
    </font>
  </fonts>
  <fills count="8">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2" tint="-0.249977111117893"/>
        <bgColor indexed="64"/>
      </patternFill>
    </fill>
    <fill>
      <patternFill patternType="solid">
        <fgColor rgb="FFFFCC99"/>
        <bgColor indexed="64"/>
      </patternFill>
    </fill>
    <fill>
      <patternFill patternType="solid">
        <fgColor rgb="FFFFFFFF"/>
        <bgColor indexed="64"/>
      </patternFill>
    </fill>
    <fill>
      <patternFill patternType="solid">
        <fgColor rgb="FFFFE4C9"/>
        <bgColor indexed="64"/>
      </patternFill>
    </fill>
  </fills>
  <borders count="81">
    <border>
      <left/>
      <right/>
      <top/>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style="thin">
        <color auto="1"/>
      </left>
      <right/>
      <top style="thin">
        <color auto="1"/>
      </top>
      <bottom style="thin">
        <color auto="1"/>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top style="medium">
        <color indexed="64"/>
      </top>
      <bottom style="thin">
        <color auto="1"/>
      </bottom>
      <diagonal/>
    </border>
    <border>
      <left/>
      <right style="medium">
        <color indexed="64"/>
      </right>
      <top style="medium">
        <color indexed="64"/>
      </top>
      <bottom style="thin">
        <color auto="1"/>
      </bottom>
      <diagonal/>
    </border>
    <border>
      <left style="thin">
        <color auto="1"/>
      </left>
      <right/>
      <top/>
      <bottom/>
      <diagonal/>
    </border>
    <border>
      <left/>
      <right style="thin">
        <color auto="1"/>
      </right>
      <top/>
      <bottom/>
      <diagonal/>
    </border>
    <border>
      <left/>
      <right style="thin">
        <color indexed="64"/>
      </right>
      <top style="thin">
        <color auto="1"/>
      </top>
      <bottom/>
      <diagonal/>
    </border>
    <border>
      <left/>
      <right style="thin">
        <color indexed="64"/>
      </right>
      <top/>
      <bottom style="thin">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thin">
        <color indexed="64"/>
      </left>
      <right style="medium">
        <color indexed="64"/>
      </right>
      <top/>
      <bottom style="thin">
        <color indexed="64"/>
      </bottom>
      <diagonal/>
    </border>
    <border>
      <left/>
      <right/>
      <top/>
      <bottom style="thin">
        <color indexed="64"/>
      </bottom>
      <diagonal/>
    </border>
    <border>
      <left/>
      <right style="hair">
        <color indexed="64"/>
      </right>
      <top style="thin">
        <color auto="1"/>
      </top>
      <bottom style="thin">
        <color indexed="64"/>
      </bottom>
      <diagonal/>
    </border>
    <border>
      <left style="thin">
        <color auto="1"/>
      </left>
      <right style="hair">
        <color indexed="64"/>
      </right>
      <top style="thin">
        <color auto="1"/>
      </top>
      <bottom style="thin">
        <color auto="1"/>
      </bottom>
      <diagonal/>
    </border>
    <border>
      <left style="hair">
        <color indexed="64"/>
      </left>
      <right style="hair">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right style="hair">
        <color indexed="64"/>
      </right>
      <top/>
      <bottom/>
      <diagonal/>
    </border>
    <border>
      <left style="hair">
        <color indexed="64"/>
      </left>
      <right/>
      <top style="thin">
        <color auto="1"/>
      </top>
      <bottom style="thin">
        <color auto="1"/>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thin">
        <color auto="1"/>
      </left>
      <right style="hair">
        <color indexed="64"/>
      </right>
      <top/>
      <bottom style="thin">
        <color auto="1"/>
      </bottom>
      <diagonal/>
    </border>
    <border>
      <left style="medium">
        <color indexed="64"/>
      </left>
      <right/>
      <top style="medium">
        <color indexed="64"/>
      </top>
      <bottom style="thin">
        <color auto="1"/>
      </bottom>
      <diagonal/>
    </border>
    <border>
      <left style="medium">
        <color indexed="64"/>
      </left>
      <right/>
      <top/>
      <bottom style="thin">
        <color auto="1"/>
      </bottom>
      <diagonal/>
    </border>
    <border>
      <left style="medium">
        <color indexed="64"/>
      </left>
      <right/>
      <top/>
      <bottom/>
      <diagonal/>
    </border>
    <border>
      <left/>
      <right style="medium">
        <color indexed="64"/>
      </right>
      <top/>
      <bottom/>
      <diagonal/>
    </border>
    <border>
      <left style="medium">
        <color indexed="64"/>
      </left>
      <right/>
      <top style="thin">
        <color indexed="64"/>
      </top>
      <bottom/>
      <diagonal/>
    </border>
    <border>
      <left/>
      <right style="medium">
        <color indexed="64"/>
      </right>
      <top/>
      <bottom style="thin">
        <color indexed="64"/>
      </bottom>
      <diagonal/>
    </border>
    <border>
      <left style="medium">
        <color indexed="64"/>
      </left>
      <right/>
      <top style="thin">
        <color auto="1"/>
      </top>
      <bottom style="medium">
        <color indexed="64"/>
      </bottom>
      <diagonal/>
    </border>
    <border>
      <left/>
      <right style="hair">
        <color indexed="64"/>
      </right>
      <top style="thin">
        <color auto="1"/>
      </top>
      <bottom style="medium">
        <color indexed="64"/>
      </bottom>
      <diagonal/>
    </border>
    <border>
      <left style="hair">
        <color indexed="64"/>
      </left>
      <right/>
      <top style="thin">
        <color auto="1"/>
      </top>
      <bottom style="medium">
        <color indexed="64"/>
      </bottom>
      <diagonal/>
    </border>
    <border>
      <left style="medium">
        <color indexed="64"/>
      </left>
      <right/>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style="medium">
        <color indexed="64"/>
      </top>
      <bottom/>
      <diagonal/>
    </border>
    <border>
      <left/>
      <right/>
      <top style="medium">
        <color indexed="64"/>
      </top>
      <bottom/>
      <diagonal/>
    </border>
    <border>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thin">
        <color auto="1"/>
      </left>
      <right style="hair">
        <color indexed="64"/>
      </right>
      <top style="thin">
        <color auto="1"/>
      </top>
      <bottom style="medium">
        <color indexed="64"/>
      </bottom>
      <diagonal/>
    </border>
    <border>
      <left/>
      <right style="medium">
        <color indexed="64"/>
      </right>
      <top/>
      <bottom style="medium">
        <color indexed="64"/>
      </bottom>
      <diagonal/>
    </border>
    <border>
      <left style="thin">
        <color auto="1"/>
      </left>
      <right style="hair">
        <color indexed="64"/>
      </right>
      <top style="thin">
        <color auto="1"/>
      </top>
      <bottom/>
      <diagonal/>
    </border>
    <border>
      <left style="thin">
        <color auto="1"/>
      </left>
      <right style="hair">
        <color indexed="64"/>
      </right>
      <top/>
      <bottom/>
      <diagonal/>
    </border>
    <border>
      <left/>
      <right style="thin">
        <color auto="1"/>
      </right>
      <top/>
      <bottom style="medium">
        <color indexed="64"/>
      </bottom>
      <diagonal/>
    </border>
    <border diagonalDown="1">
      <left style="thin">
        <color auto="1"/>
      </left>
      <right style="thin">
        <color auto="1"/>
      </right>
      <top style="thin">
        <color auto="1"/>
      </top>
      <bottom style="thin">
        <color auto="1"/>
      </bottom>
      <diagonal style="thin">
        <color auto="1"/>
      </diagonal>
    </border>
    <border>
      <left style="medium">
        <color indexed="64"/>
      </left>
      <right style="thin">
        <color indexed="64"/>
      </right>
      <top/>
      <bottom style="thin">
        <color indexed="64"/>
      </bottom>
      <diagonal/>
    </border>
    <border>
      <left style="medium">
        <color indexed="64"/>
      </left>
      <right style="thin">
        <color indexed="64"/>
      </right>
      <top/>
      <bottom style="medium">
        <color indexed="64"/>
      </bottom>
      <diagonal/>
    </border>
    <border>
      <left style="thin">
        <color auto="1"/>
      </left>
      <right style="hair">
        <color indexed="64"/>
      </right>
      <top/>
      <bottom style="medium">
        <color indexed="64"/>
      </bottom>
      <diagonal/>
    </border>
    <border>
      <left style="hair">
        <color auto="1"/>
      </left>
      <right style="thin">
        <color auto="1"/>
      </right>
      <top style="thin">
        <color auto="1"/>
      </top>
      <bottom style="medium">
        <color indexed="64"/>
      </bottom>
      <diagonal/>
    </border>
    <border>
      <left/>
      <right style="hair">
        <color indexed="64"/>
      </right>
      <top/>
      <bottom style="medium">
        <color indexed="64"/>
      </bottom>
      <diagonal/>
    </border>
    <border>
      <left style="hair">
        <color indexed="64"/>
      </left>
      <right style="hair">
        <color indexed="64"/>
      </right>
      <top/>
      <bottom style="medium">
        <color indexed="64"/>
      </bottom>
      <diagonal/>
    </border>
    <border>
      <left style="hair">
        <color auto="1"/>
      </left>
      <right style="medium">
        <color indexed="64"/>
      </right>
      <top/>
      <bottom style="medium">
        <color indexed="64"/>
      </bottom>
      <diagonal/>
    </border>
    <border>
      <left style="hair">
        <color auto="1"/>
      </left>
      <right style="thin">
        <color auto="1"/>
      </right>
      <top style="medium">
        <color indexed="64"/>
      </top>
      <bottom style="thin">
        <color auto="1"/>
      </bottom>
      <diagonal/>
    </border>
    <border>
      <left style="medium">
        <color indexed="64"/>
      </left>
      <right style="medium">
        <color indexed="64"/>
      </right>
      <top/>
      <bottom style="thin">
        <color auto="1"/>
      </bottom>
      <diagonal/>
    </border>
    <border>
      <left style="medium">
        <color indexed="64"/>
      </left>
      <right style="medium">
        <color indexed="64"/>
      </right>
      <top style="thin">
        <color auto="1"/>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s>
  <cellStyleXfs count="1">
    <xf numFmtId="0" fontId="0" fillId="0" borderId="0">
      <alignment vertical="center"/>
    </xf>
  </cellStyleXfs>
  <cellXfs count="305">
    <xf numFmtId="0" fontId="0" fillId="0" borderId="0" xfId="0">
      <alignment vertical="center"/>
    </xf>
    <xf numFmtId="0" fontId="5" fillId="0" borderId="0" xfId="0" applyFont="1">
      <alignment vertical="center"/>
    </xf>
    <xf numFmtId="14" fontId="5" fillId="0" borderId="0" xfId="0" applyNumberFormat="1" applyFont="1">
      <alignment vertical="center"/>
    </xf>
    <xf numFmtId="0" fontId="2" fillId="0" borderId="0" xfId="0" applyFont="1" applyAlignment="1">
      <alignment vertical="center" wrapText="1"/>
    </xf>
    <xf numFmtId="0" fontId="2" fillId="0" borderId="27" xfId="0" applyFont="1" applyBorder="1" applyAlignment="1">
      <alignment horizontal="left" vertical="center" wrapText="1"/>
    </xf>
    <xf numFmtId="0" fontId="2" fillId="0" borderId="11" xfId="0" applyFont="1" applyBorder="1" applyAlignment="1">
      <alignment vertical="center" wrapText="1"/>
    </xf>
    <xf numFmtId="0" fontId="2" fillId="0" borderId="29" xfId="0" applyFont="1" applyBorder="1" applyAlignment="1">
      <alignment vertical="center" wrapText="1"/>
    </xf>
    <xf numFmtId="0" fontId="2" fillId="0" borderId="29" xfId="0" applyFont="1" applyBorder="1" applyAlignment="1">
      <alignment horizontal="left" vertical="center" wrapText="1"/>
    </xf>
    <xf numFmtId="0" fontId="2" fillId="0" borderId="11" xfId="0" applyFont="1" applyBorder="1" applyAlignment="1">
      <alignment horizontal="left" vertical="center" wrapText="1"/>
    </xf>
    <xf numFmtId="0" fontId="12" fillId="0" borderId="0" xfId="0" applyFont="1" applyAlignment="1">
      <alignment horizontal="center" vertical="center" wrapText="1"/>
    </xf>
    <xf numFmtId="0" fontId="13" fillId="0" borderId="11" xfId="0" applyFont="1" applyBorder="1" applyAlignment="1">
      <alignment horizontal="justify" vertical="center" wrapText="1"/>
    </xf>
    <xf numFmtId="0" fontId="0" fillId="4" borderId="0" xfId="0" applyFill="1">
      <alignment vertical="center"/>
    </xf>
    <xf numFmtId="0" fontId="17" fillId="3" borderId="0" xfId="0" applyFont="1" applyFill="1">
      <alignment vertical="center"/>
    </xf>
    <xf numFmtId="0" fontId="20" fillId="0" borderId="0" xfId="0" applyFont="1">
      <alignment vertical="center"/>
    </xf>
    <xf numFmtId="0" fontId="0" fillId="0" borderId="1" xfId="0" applyBorder="1" applyAlignment="1">
      <alignment horizontal="center" vertical="center"/>
    </xf>
    <xf numFmtId="0" fontId="13" fillId="0" borderId="29" xfId="0" applyFont="1" applyBorder="1" applyAlignment="1">
      <alignment horizontal="justify" vertical="center" wrapText="1"/>
    </xf>
    <xf numFmtId="0" fontId="23" fillId="0" borderId="23" xfId="0" applyFont="1" applyBorder="1" applyAlignment="1">
      <alignment horizontal="center" vertical="center"/>
    </xf>
    <xf numFmtId="177" fontId="23" fillId="0" borderId="23" xfId="0" applyNumberFormat="1" applyFont="1" applyBorder="1" applyAlignment="1">
      <alignment horizontal="center" vertical="center"/>
    </xf>
    <xf numFmtId="0" fontId="23" fillId="0" borderId="31" xfId="0" applyFont="1" applyBorder="1" applyAlignment="1">
      <alignment horizontal="center" vertical="center"/>
    </xf>
    <xf numFmtId="0" fontId="23" fillId="0" borderId="33" xfId="0" applyFont="1" applyBorder="1" applyAlignment="1">
      <alignment horizontal="center" vertical="center"/>
    </xf>
    <xf numFmtId="0" fontId="23" fillId="0" borderId="17" xfId="0" applyFont="1" applyBorder="1" applyAlignment="1">
      <alignment horizontal="center" vertical="center"/>
    </xf>
    <xf numFmtId="0" fontId="23" fillId="0" borderId="39" xfId="0" applyFont="1" applyBorder="1" applyAlignment="1">
      <alignment horizontal="center" vertical="center"/>
    </xf>
    <xf numFmtId="177" fontId="23" fillId="0" borderId="14" xfId="0" applyNumberFormat="1" applyFont="1" applyBorder="1" applyAlignment="1">
      <alignment horizontal="center" vertical="center"/>
    </xf>
    <xf numFmtId="0" fontId="6" fillId="7" borderId="33" xfId="0" applyFont="1" applyFill="1" applyBorder="1" applyAlignment="1">
      <alignment horizontal="center" vertical="center" wrapText="1"/>
    </xf>
    <xf numFmtId="0" fontId="6" fillId="7" borderId="33" xfId="0" applyFont="1" applyFill="1" applyBorder="1" applyAlignment="1">
      <alignment horizontal="center" vertical="center"/>
    </xf>
    <xf numFmtId="0" fontId="6" fillId="7" borderId="52" xfId="0" applyFont="1" applyFill="1" applyBorder="1" applyAlignment="1">
      <alignment horizontal="center" vertical="center"/>
    </xf>
    <xf numFmtId="177" fontId="23" fillId="0" borderId="38" xfId="0" applyNumberFormat="1" applyFont="1" applyBorder="1" applyAlignment="1">
      <alignment horizontal="center" vertical="center"/>
    </xf>
    <xf numFmtId="177" fontId="23" fillId="0" borderId="53" xfId="0" applyNumberFormat="1" applyFont="1" applyBorder="1" applyAlignment="1">
      <alignment horizontal="center" vertical="center"/>
    </xf>
    <xf numFmtId="0" fontId="6" fillId="7" borderId="54" xfId="0" applyFont="1" applyFill="1" applyBorder="1" applyAlignment="1">
      <alignment horizontal="center" vertical="center"/>
    </xf>
    <xf numFmtId="0" fontId="6" fillId="7" borderId="55" xfId="0" applyFont="1" applyFill="1" applyBorder="1" applyAlignment="1">
      <alignment horizontal="center" vertical="center"/>
    </xf>
    <xf numFmtId="177" fontId="23" fillId="0" borderId="46" xfId="0" applyNumberFormat="1" applyFont="1" applyBorder="1" applyAlignment="1">
      <alignment horizontal="center" vertical="center"/>
    </xf>
    <xf numFmtId="0" fontId="23" fillId="5" borderId="31" xfId="0" applyFont="1" applyFill="1" applyBorder="1" applyAlignment="1">
      <alignment horizontal="center" vertical="center"/>
    </xf>
    <xf numFmtId="0" fontId="23" fillId="5" borderId="33" xfId="0" applyFont="1" applyFill="1" applyBorder="1" applyAlignment="1">
      <alignment horizontal="center" vertical="center"/>
    </xf>
    <xf numFmtId="0" fontId="23" fillId="5" borderId="46" xfId="0" applyFont="1" applyFill="1" applyBorder="1" applyAlignment="1">
      <alignment horizontal="center" vertical="center"/>
    </xf>
    <xf numFmtId="0" fontId="23" fillId="5" borderId="51" xfId="0" applyFont="1" applyFill="1" applyBorder="1" applyAlignment="1">
      <alignment horizontal="center" vertical="center" wrapText="1"/>
    </xf>
    <xf numFmtId="0" fontId="6" fillId="7" borderId="32" xfId="0" applyFont="1" applyFill="1" applyBorder="1" applyAlignment="1">
      <alignment horizontal="center" vertical="center"/>
    </xf>
    <xf numFmtId="0" fontId="6" fillId="7" borderId="62" xfId="0" applyFont="1" applyFill="1" applyBorder="1" applyAlignment="1">
      <alignment horizontal="center" vertical="center"/>
    </xf>
    <xf numFmtId="0" fontId="6" fillId="7" borderId="32" xfId="0" applyFont="1" applyFill="1" applyBorder="1" applyAlignment="1">
      <alignment horizontal="center" vertical="center" wrapText="1"/>
    </xf>
    <xf numFmtId="178" fontId="23" fillId="0" borderId="31" xfId="0" applyNumberFormat="1" applyFont="1" applyBorder="1" applyAlignment="1">
      <alignment horizontal="center" vertical="center"/>
    </xf>
    <xf numFmtId="0" fontId="6" fillId="7" borderId="63" xfId="0" applyFont="1" applyFill="1" applyBorder="1" applyAlignment="1">
      <alignment horizontal="center" vertical="center"/>
    </xf>
    <xf numFmtId="0" fontId="22" fillId="0" borderId="65" xfId="0" applyFont="1" applyBorder="1" applyAlignment="1">
      <alignment horizontal="center" vertical="center" wrapText="1"/>
    </xf>
    <xf numFmtId="0" fontId="12" fillId="7" borderId="9" xfId="0" applyFont="1" applyFill="1" applyBorder="1" applyAlignment="1">
      <alignment horizontal="center" vertical="center" wrapText="1"/>
    </xf>
    <xf numFmtId="0" fontId="14" fillId="7" borderId="1" xfId="0" applyFont="1" applyFill="1" applyBorder="1" applyAlignment="1">
      <alignment horizontal="center" vertical="center" wrapText="1"/>
    </xf>
    <xf numFmtId="0" fontId="14" fillId="7" borderId="1" xfId="0" applyFont="1" applyFill="1" applyBorder="1" applyAlignment="1">
      <alignment horizontal="center" vertical="center" textRotation="255" wrapText="1"/>
    </xf>
    <xf numFmtId="0" fontId="0" fillId="0" borderId="1" xfId="0" applyBorder="1" applyAlignment="1">
      <alignment horizontal="left" vertical="center" wrapText="1"/>
    </xf>
    <xf numFmtId="0" fontId="0" fillId="0" borderId="1" xfId="0" applyBorder="1" applyAlignment="1">
      <alignment horizontal="center" vertical="center" wrapText="1"/>
    </xf>
    <xf numFmtId="176" fontId="18" fillId="7" borderId="1" xfId="0" applyNumberFormat="1" applyFont="1" applyFill="1" applyBorder="1" applyAlignment="1">
      <alignment horizontal="center" vertical="center" shrinkToFit="1"/>
    </xf>
    <xf numFmtId="0" fontId="18" fillId="7" borderId="6" xfId="0" applyFont="1" applyFill="1" applyBorder="1" applyAlignment="1">
      <alignment horizontal="center" vertical="center" shrinkToFit="1"/>
    </xf>
    <xf numFmtId="0" fontId="18" fillId="7" borderId="6" xfId="0" applyFont="1" applyFill="1" applyBorder="1" applyAlignment="1">
      <alignment horizontal="center" vertical="center" wrapText="1" shrinkToFit="1"/>
    </xf>
    <xf numFmtId="0" fontId="18" fillId="7" borderId="16" xfId="0" applyFont="1" applyFill="1" applyBorder="1" applyAlignment="1">
      <alignment horizontal="center" vertical="center" wrapText="1" shrinkToFit="1"/>
    </xf>
    <xf numFmtId="0" fontId="18" fillId="0" borderId="0" xfId="0" applyFont="1">
      <alignment vertical="center"/>
    </xf>
    <xf numFmtId="0" fontId="18" fillId="0" borderId="15" xfId="0" applyFont="1" applyBorder="1" applyAlignment="1">
      <alignment horizontal="center" vertical="center" shrinkToFit="1"/>
    </xf>
    <xf numFmtId="0" fontId="0" fillId="0" borderId="0" xfId="0" applyAlignment="1">
      <alignment horizontal="left" vertical="center"/>
    </xf>
    <xf numFmtId="0" fontId="0" fillId="0" borderId="15" xfId="0" applyBorder="1">
      <alignment vertical="center"/>
    </xf>
    <xf numFmtId="0" fontId="14" fillId="7" borderId="6" xfId="0" applyFont="1" applyFill="1" applyBorder="1" applyAlignment="1">
      <alignment horizontal="center" vertical="center" wrapText="1"/>
    </xf>
    <xf numFmtId="0" fontId="23" fillId="0" borderId="70" xfId="0" applyFont="1" applyBorder="1" applyAlignment="1">
      <alignment horizontal="center" vertical="center"/>
    </xf>
    <xf numFmtId="0" fontId="23" fillId="0" borderId="71" xfId="0" applyFont="1" applyBorder="1" applyAlignment="1">
      <alignment horizontal="center" vertical="center"/>
    </xf>
    <xf numFmtId="0" fontId="23" fillId="0" borderId="72" xfId="0" applyFont="1" applyBorder="1" applyAlignment="1">
      <alignment horizontal="center" vertical="center"/>
    </xf>
    <xf numFmtId="0" fontId="0" fillId="0" borderId="3" xfId="0" applyBorder="1" applyAlignment="1">
      <alignment horizontal="center" vertical="center"/>
    </xf>
    <xf numFmtId="0" fontId="33" fillId="0" borderId="75" xfId="0" applyFont="1" applyBorder="1" applyAlignment="1">
      <alignment horizontal="center" vertical="center"/>
    </xf>
    <xf numFmtId="0" fontId="14" fillId="7" borderId="6" xfId="0" applyFont="1" applyFill="1" applyBorder="1" applyAlignment="1">
      <alignment horizontal="center" vertical="center"/>
    </xf>
    <xf numFmtId="0" fontId="0" fillId="0" borderId="77" xfId="0" applyBorder="1" applyAlignment="1">
      <alignment vertical="center" shrinkToFit="1"/>
    </xf>
    <xf numFmtId="0" fontId="32" fillId="0" borderId="79" xfId="0" applyFont="1" applyBorder="1" applyAlignment="1">
      <alignment horizontal="left" vertical="center" wrapText="1"/>
    </xf>
    <xf numFmtId="0" fontId="6" fillId="0" borderId="0" xfId="0" applyFont="1" applyAlignment="1">
      <alignment vertical="center" wrapText="1"/>
    </xf>
    <xf numFmtId="0" fontId="23" fillId="5" borderId="24" xfId="0" applyFont="1" applyFill="1" applyBorder="1" applyAlignment="1">
      <alignment horizontal="center" vertical="center"/>
    </xf>
    <xf numFmtId="0" fontId="23" fillId="5" borderId="25" xfId="0" applyFont="1" applyFill="1" applyBorder="1" applyAlignment="1">
      <alignment horizontal="center" vertical="center"/>
    </xf>
    <xf numFmtId="0" fontId="23" fillId="5" borderId="59" xfId="0" applyFont="1" applyFill="1" applyBorder="1" applyAlignment="1">
      <alignment horizontal="center" vertical="center"/>
    </xf>
    <xf numFmtId="0" fontId="23" fillId="5" borderId="18" xfId="0" applyFont="1" applyFill="1" applyBorder="1" applyAlignment="1">
      <alignment horizontal="center" vertical="center"/>
    </xf>
    <xf numFmtId="0" fontId="23" fillId="5" borderId="19" xfId="0" applyFont="1" applyFill="1" applyBorder="1" applyAlignment="1">
      <alignment horizontal="center" vertical="center"/>
    </xf>
    <xf numFmtId="0" fontId="6" fillId="7" borderId="67" xfId="0" applyFont="1" applyFill="1" applyBorder="1" applyAlignment="1">
      <alignment horizontal="center" vertical="center"/>
    </xf>
    <xf numFmtId="0" fontId="6" fillId="7" borderId="68" xfId="0" applyFont="1" applyFill="1" applyBorder="1" applyAlignment="1">
      <alignment horizontal="center" vertical="center"/>
    </xf>
    <xf numFmtId="0" fontId="23" fillId="0" borderId="69" xfId="0" applyFont="1" applyBorder="1" applyAlignment="1">
      <alignment horizontal="center" vertical="center"/>
    </xf>
    <xf numFmtId="0" fontId="23" fillId="0" borderId="13" xfId="0" applyFont="1" applyBorder="1" applyAlignment="1">
      <alignment horizontal="center" vertical="center"/>
    </xf>
    <xf numFmtId="0" fontId="23" fillId="0" borderId="37" xfId="0" applyFont="1" applyBorder="1" applyAlignment="1">
      <alignment horizontal="left" vertical="center"/>
    </xf>
    <xf numFmtId="0" fontId="23" fillId="0" borderId="2" xfId="0" applyFont="1" applyBorder="1" applyAlignment="1">
      <alignment horizontal="left" vertical="center"/>
    </xf>
    <xf numFmtId="0" fontId="23" fillId="0" borderId="14" xfId="0" applyFont="1" applyBorder="1" applyAlignment="1">
      <alignment horizontal="left" vertical="center"/>
    </xf>
    <xf numFmtId="0" fontId="6" fillId="7" borderId="28" xfId="0" applyFont="1" applyFill="1" applyBorder="1" applyAlignment="1">
      <alignment horizontal="center" vertical="center" wrapText="1"/>
    </xf>
    <xf numFmtId="0" fontId="6" fillId="7" borderId="31" xfId="0" applyFont="1" applyFill="1" applyBorder="1" applyAlignment="1">
      <alignment horizontal="center" vertical="center" wrapText="1"/>
    </xf>
    <xf numFmtId="0" fontId="23" fillId="0" borderId="30" xfId="0" applyFont="1" applyBorder="1" applyAlignment="1">
      <alignment horizontal="center" vertical="center" shrinkToFit="1"/>
    </xf>
    <xf numFmtId="0" fontId="23" fillId="0" borderId="46" xfId="0" applyFont="1" applyBorder="1" applyAlignment="1">
      <alignment horizontal="center" vertical="center" shrinkToFit="1"/>
    </xf>
    <xf numFmtId="0" fontId="6" fillId="5" borderId="12" xfId="0" applyFont="1" applyFill="1" applyBorder="1" applyAlignment="1">
      <alignment horizontal="center" vertical="center" wrapText="1"/>
    </xf>
    <xf numFmtId="0" fontId="6" fillId="5" borderId="60" xfId="0" applyFont="1" applyFill="1" applyBorder="1" applyAlignment="1">
      <alignment horizontal="center" vertical="center"/>
    </xf>
    <xf numFmtId="0" fontId="6" fillId="7" borderId="42" xfId="0" applyFont="1" applyFill="1" applyBorder="1" applyAlignment="1">
      <alignment horizontal="center" vertical="center" wrapText="1"/>
    </xf>
    <xf numFmtId="0" fontId="6" fillId="7" borderId="35" xfId="0" applyFont="1" applyFill="1" applyBorder="1" applyAlignment="1">
      <alignment horizontal="center" vertical="center"/>
    </xf>
    <xf numFmtId="0" fontId="6" fillId="7" borderId="66" xfId="0" applyFont="1" applyFill="1" applyBorder="1" applyAlignment="1">
      <alignment horizontal="center" vertical="center"/>
    </xf>
    <xf numFmtId="0" fontId="6" fillId="7" borderId="40" xfId="0" applyFont="1" applyFill="1" applyBorder="1" applyAlignment="1">
      <alignment horizontal="center" vertical="center"/>
    </xf>
    <xf numFmtId="0" fontId="23" fillId="0" borderId="73" xfId="0" applyFont="1" applyBorder="1" applyAlignment="1">
      <alignment horizontal="center" vertical="center" shrinkToFit="1"/>
    </xf>
    <xf numFmtId="0" fontId="23" fillId="0" borderId="8" xfId="0" applyFont="1" applyBorder="1" applyAlignment="1">
      <alignment horizontal="center" vertical="center" shrinkToFit="1"/>
    </xf>
    <xf numFmtId="0" fontId="6" fillId="7" borderId="2" xfId="0" applyFont="1" applyFill="1" applyBorder="1" applyAlignment="1">
      <alignment horizontal="center" vertical="center" wrapText="1"/>
    </xf>
    <xf numFmtId="0" fontId="6" fillId="7" borderId="31" xfId="0" applyFont="1" applyFill="1" applyBorder="1" applyAlignment="1">
      <alignment horizontal="center" vertical="center"/>
    </xf>
    <xf numFmtId="0" fontId="23" fillId="0" borderId="37" xfId="0" applyFont="1" applyBorder="1" applyAlignment="1">
      <alignment horizontal="center" vertical="center" shrinkToFit="1"/>
    </xf>
    <xf numFmtId="0" fontId="23" fillId="0" borderId="2" xfId="0" applyFont="1" applyBorder="1" applyAlignment="1">
      <alignment horizontal="center" vertical="center" shrinkToFit="1"/>
    </xf>
    <xf numFmtId="0" fontId="23" fillId="0" borderId="14" xfId="0" applyFont="1" applyBorder="1" applyAlignment="1">
      <alignment horizontal="center" vertical="center" shrinkToFit="1"/>
    </xf>
    <xf numFmtId="0" fontId="6" fillId="7" borderId="26" xfId="0" applyFont="1" applyFill="1" applyBorder="1" applyAlignment="1">
      <alignment horizontal="center" vertical="center" wrapText="1"/>
    </xf>
    <xf numFmtId="0" fontId="6" fillId="7" borderId="70" xfId="0" applyFont="1" applyFill="1" applyBorder="1" applyAlignment="1">
      <alignment horizontal="center" vertical="center"/>
    </xf>
    <xf numFmtId="0" fontId="23" fillId="0" borderId="39" xfId="0" applyFont="1" applyBorder="1" applyAlignment="1">
      <alignment horizontal="center" vertical="center"/>
    </xf>
    <xf numFmtId="0" fontId="23" fillId="0" borderId="30" xfId="0" applyFont="1" applyBorder="1" applyAlignment="1">
      <alignment horizontal="center" vertical="center"/>
    </xf>
    <xf numFmtId="0" fontId="23" fillId="0" borderId="46" xfId="0" applyFont="1" applyBorder="1" applyAlignment="1">
      <alignment horizontal="center" vertical="center"/>
    </xf>
    <xf numFmtId="0" fontId="8" fillId="7" borderId="16" xfId="0" applyFont="1" applyFill="1" applyBorder="1" applyAlignment="1">
      <alignment horizontal="center" vertical="center" wrapText="1"/>
    </xf>
    <xf numFmtId="0" fontId="8" fillId="7" borderId="35" xfId="0" applyFont="1" applyFill="1" applyBorder="1" applyAlignment="1">
      <alignment horizontal="center" vertical="center"/>
    </xf>
    <xf numFmtId="0" fontId="35" fillId="7" borderId="16" xfId="0" applyFont="1" applyFill="1" applyBorder="1" applyAlignment="1">
      <alignment vertical="center" wrapText="1" shrinkToFit="1"/>
    </xf>
    <xf numFmtId="0" fontId="35" fillId="7" borderId="35" xfId="0" applyFont="1" applyFill="1" applyBorder="1" applyAlignment="1">
      <alignment vertical="center" wrapText="1" shrinkToFit="1"/>
    </xf>
    <xf numFmtId="0" fontId="6" fillId="7" borderId="3" xfId="0" applyFont="1" applyFill="1" applyBorder="1" applyAlignment="1">
      <alignment horizontal="center" vertical="center"/>
    </xf>
    <xf numFmtId="0" fontId="23" fillId="0" borderId="2" xfId="0" applyFont="1" applyBorder="1" applyAlignment="1">
      <alignment horizontal="center" vertical="center"/>
    </xf>
    <xf numFmtId="0" fontId="23" fillId="0" borderId="14" xfId="0" applyFont="1" applyBorder="1" applyAlignment="1">
      <alignment horizontal="center" vertical="center"/>
    </xf>
    <xf numFmtId="0" fontId="8" fillId="7" borderId="45" xfId="0" applyFont="1" applyFill="1" applyBorder="1" applyAlignment="1">
      <alignment horizontal="center" vertical="center" wrapText="1" shrinkToFit="1"/>
    </xf>
    <xf numFmtId="0" fontId="8" fillId="7" borderId="34" xfId="0" applyFont="1" applyFill="1" applyBorder="1" applyAlignment="1">
      <alignment horizontal="center" vertical="center" wrapText="1" shrinkToFit="1"/>
    </xf>
    <xf numFmtId="0" fontId="8" fillId="7" borderId="42" xfId="0" applyFont="1" applyFill="1" applyBorder="1" applyAlignment="1">
      <alignment horizontal="center" vertical="center" wrapText="1" shrinkToFit="1"/>
    </xf>
    <xf numFmtId="0" fontId="8" fillId="7" borderId="35" xfId="0" applyFont="1" applyFill="1" applyBorder="1" applyAlignment="1">
      <alignment horizontal="center" vertical="center" wrapText="1" shrinkToFit="1"/>
    </xf>
    <xf numFmtId="0" fontId="23" fillId="0" borderId="37" xfId="0" applyFont="1" applyBorder="1" applyAlignment="1">
      <alignment horizontal="center" vertical="center"/>
    </xf>
    <xf numFmtId="0" fontId="23" fillId="0" borderId="17" xfId="0" applyFont="1" applyBorder="1" applyAlignment="1">
      <alignment horizontal="center" vertical="center"/>
    </xf>
    <xf numFmtId="0" fontId="23" fillId="0" borderId="2" xfId="0" applyFont="1" applyBorder="1" applyAlignment="1">
      <alignment horizontal="center" vertical="center" wrapText="1"/>
    </xf>
    <xf numFmtId="0" fontId="23" fillId="0" borderId="14" xfId="0" applyFont="1" applyBorder="1" applyAlignment="1">
      <alignment horizontal="center" vertical="center" wrapText="1"/>
    </xf>
    <xf numFmtId="0" fontId="24" fillId="2" borderId="0" xfId="0" applyFont="1" applyFill="1" applyAlignment="1">
      <alignment horizontal="center" vertical="center"/>
    </xf>
    <xf numFmtId="0" fontId="6" fillId="5" borderId="10" xfId="0" applyFont="1" applyFill="1" applyBorder="1" applyAlignment="1">
      <alignment horizontal="center" vertical="center" wrapText="1"/>
    </xf>
    <xf numFmtId="0" fontId="6" fillId="5" borderId="32" xfId="0" applyFont="1" applyFill="1" applyBorder="1" applyAlignment="1">
      <alignment horizontal="center" vertical="center"/>
    </xf>
    <xf numFmtId="0" fontId="6" fillId="7" borderId="1" xfId="0" applyFont="1" applyFill="1" applyBorder="1" applyAlignment="1">
      <alignment horizontal="center" vertical="center"/>
    </xf>
    <xf numFmtId="0" fontId="6" fillId="7" borderId="32" xfId="0" applyFont="1" applyFill="1" applyBorder="1" applyAlignment="1">
      <alignment horizontal="center" vertical="center"/>
    </xf>
    <xf numFmtId="0" fontId="6" fillId="7" borderId="23" xfId="0" applyFont="1" applyFill="1" applyBorder="1" applyAlignment="1">
      <alignment horizontal="center" vertical="center"/>
    </xf>
    <xf numFmtId="0" fontId="6" fillId="5" borderId="41" xfId="0" applyFont="1" applyFill="1" applyBorder="1" applyAlignment="1">
      <alignment horizontal="center" vertical="center"/>
    </xf>
    <xf numFmtId="0" fontId="6" fillId="5" borderId="58" xfId="0" applyFont="1" applyFill="1" applyBorder="1" applyAlignment="1">
      <alignment horizontal="center" vertical="center"/>
    </xf>
    <xf numFmtId="0" fontId="23" fillId="6" borderId="37" xfId="0" applyFont="1" applyFill="1" applyBorder="1" applyAlignment="1">
      <alignment horizontal="center" vertical="center" shrinkToFit="1"/>
    </xf>
    <xf numFmtId="0" fontId="23" fillId="6" borderId="2" xfId="0" applyFont="1" applyFill="1" applyBorder="1" applyAlignment="1">
      <alignment horizontal="center" vertical="center" shrinkToFit="1"/>
    </xf>
    <xf numFmtId="0" fontId="23" fillId="6" borderId="14" xfId="0" applyFont="1" applyFill="1" applyBorder="1" applyAlignment="1">
      <alignment horizontal="center" vertical="center" shrinkToFit="1"/>
    </xf>
    <xf numFmtId="0" fontId="11" fillId="7" borderId="56" xfId="0" applyFont="1" applyFill="1" applyBorder="1" applyAlignment="1">
      <alignment horizontal="center" vertical="center"/>
    </xf>
    <xf numFmtId="0" fontId="11" fillId="7" borderId="57" xfId="0" applyFont="1" applyFill="1" applyBorder="1" applyAlignment="1">
      <alignment horizontal="center" vertical="center"/>
    </xf>
    <xf numFmtId="0" fontId="11" fillId="7" borderId="18" xfId="0" applyFont="1" applyFill="1" applyBorder="1" applyAlignment="1">
      <alignment horizontal="center" vertical="center"/>
    </xf>
    <xf numFmtId="0" fontId="11" fillId="7" borderId="19" xfId="0" applyFont="1" applyFill="1" applyBorder="1" applyAlignment="1">
      <alignment horizontal="center" vertical="center"/>
    </xf>
    <xf numFmtId="0" fontId="8" fillId="7" borderId="47" xfId="0" applyFont="1" applyFill="1" applyBorder="1" applyAlignment="1">
      <alignment horizontal="left" vertical="center" wrapText="1"/>
    </xf>
    <xf numFmtId="0" fontId="8" fillId="7" borderId="48" xfId="0" applyFont="1" applyFill="1" applyBorder="1" applyAlignment="1">
      <alignment horizontal="left" vertical="center" wrapText="1"/>
    </xf>
    <xf numFmtId="0" fontId="9" fillId="0" borderId="24" xfId="0" applyFont="1" applyBorder="1" applyAlignment="1">
      <alignment horizontal="left" vertical="center" wrapText="1"/>
    </xf>
    <xf numFmtId="0" fontId="9" fillId="0" borderId="25" xfId="0" applyFont="1" applyBorder="1" applyAlignment="1">
      <alignment horizontal="left" vertical="center" wrapText="1"/>
    </xf>
    <xf numFmtId="0" fontId="8" fillId="2" borderId="0" xfId="0" applyFont="1" applyFill="1" applyAlignment="1">
      <alignment horizontal="left" vertical="center" wrapText="1"/>
    </xf>
    <xf numFmtId="0" fontId="6" fillId="7" borderId="42" xfId="0" applyFont="1" applyFill="1" applyBorder="1" applyAlignment="1">
      <alignment horizontal="center" vertical="center"/>
    </xf>
    <xf numFmtId="0" fontId="23" fillId="0" borderId="30" xfId="0" applyFont="1" applyBorder="1" applyAlignment="1">
      <alignment horizontal="left" vertical="center"/>
    </xf>
    <xf numFmtId="0" fontId="23" fillId="0" borderId="46" xfId="0" applyFont="1" applyBorder="1" applyAlignment="1">
      <alignment horizontal="left" vertical="center"/>
    </xf>
    <xf numFmtId="0" fontId="9" fillId="0" borderId="2" xfId="0" applyFont="1" applyBorder="1" applyAlignment="1">
      <alignment horizontal="left" vertical="center" wrapText="1"/>
    </xf>
    <xf numFmtId="0" fontId="9" fillId="0" borderId="14" xfId="0" applyFont="1" applyBorder="1" applyAlignment="1">
      <alignment horizontal="left" vertical="center" wrapText="1"/>
    </xf>
    <xf numFmtId="0" fontId="6" fillId="7" borderId="45" xfId="0" applyFont="1" applyFill="1" applyBorder="1" applyAlignment="1">
      <alignment horizontal="center" vertical="center" wrapText="1"/>
    </xf>
    <xf numFmtId="0" fontId="6" fillId="7" borderId="34" xfId="0" applyFont="1" applyFill="1" applyBorder="1" applyAlignment="1">
      <alignment horizontal="center" vertical="center" wrapText="1"/>
    </xf>
    <xf numFmtId="0" fontId="6" fillId="7" borderId="43" xfId="0" applyFont="1" applyFill="1" applyBorder="1" applyAlignment="1">
      <alignment horizontal="center" vertical="center" wrapText="1"/>
    </xf>
    <xf numFmtId="0" fontId="6" fillId="7" borderId="36" xfId="0" applyFont="1" applyFill="1" applyBorder="1" applyAlignment="1">
      <alignment horizontal="center" vertical="center" wrapText="1"/>
    </xf>
    <xf numFmtId="0" fontId="6" fillId="7" borderId="35" xfId="0" applyFont="1" applyFill="1" applyBorder="1" applyAlignment="1">
      <alignment horizontal="center" vertical="center" wrapText="1"/>
    </xf>
    <xf numFmtId="0" fontId="23" fillId="0" borderId="2" xfId="0" applyFont="1" applyBorder="1" applyAlignment="1">
      <alignment vertical="center" wrapText="1"/>
    </xf>
    <xf numFmtId="0" fontId="23" fillId="0" borderId="14" xfId="0" applyFont="1" applyBorder="1" applyAlignment="1">
      <alignment vertical="center" wrapText="1"/>
    </xf>
    <xf numFmtId="0" fontId="8" fillId="7" borderId="28" xfId="0" applyFont="1" applyFill="1" applyBorder="1" applyAlignment="1">
      <alignment horizontal="left" vertical="center" wrapText="1"/>
    </xf>
    <xf numFmtId="0" fontId="8" fillId="7" borderId="31" xfId="0" applyFont="1" applyFill="1" applyBorder="1" applyAlignment="1">
      <alignment horizontal="left" vertical="center" wrapText="1"/>
    </xf>
    <xf numFmtId="0" fontId="11" fillId="7" borderId="41" xfId="0" applyFont="1" applyFill="1" applyBorder="1" applyAlignment="1">
      <alignment horizontal="center" vertical="center"/>
    </xf>
    <xf numFmtId="177" fontId="23" fillId="0" borderId="37" xfId="0" applyNumberFormat="1" applyFont="1" applyBorder="1" applyAlignment="1">
      <alignment horizontal="center" vertical="center"/>
    </xf>
    <xf numFmtId="177" fontId="23" fillId="0" borderId="17" xfId="0" applyNumberFormat="1" applyFont="1" applyBorder="1" applyAlignment="1">
      <alignment horizontal="center" vertical="center"/>
    </xf>
    <xf numFmtId="0" fontId="6" fillId="7" borderId="16" xfId="0" applyFont="1" applyFill="1" applyBorder="1" applyAlignment="1">
      <alignment horizontal="center" vertical="center" wrapText="1"/>
    </xf>
    <xf numFmtId="0" fontId="6" fillId="7" borderId="28" xfId="0" applyFont="1" applyFill="1" applyBorder="1" applyAlignment="1">
      <alignment horizontal="center" vertical="center"/>
    </xf>
    <xf numFmtId="0" fontId="6" fillId="7" borderId="47" xfId="0" applyFont="1" applyFill="1" applyBorder="1" applyAlignment="1">
      <alignment horizontal="center" vertical="center" wrapText="1"/>
    </xf>
    <xf numFmtId="0" fontId="6" fillId="7" borderId="48" xfId="0" applyFont="1" applyFill="1" applyBorder="1" applyAlignment="1">
      <alignment horizontal="center" vertical="center"/>
    </xf>
    <xf numFmtId="0" fontId="23" fillId="0" borderId="24" xfId="0" applyFont="1" applyBorder="1" applyAlignment="1">
      <alignment horizontal="left" vertical="center"/>
    </xf>
    <xf numFmtId="0" fontId="23" fillId="0" borderId="25" xfId="0" applyFont="1" applyBorder="1" applyAlignment="1">
      <alignment horizontal="left" vertical="center"/>
    </xf>
    <xf numFmtId="0" fontId="8" fillId="7" borderId="42" xfId="0" applyFont="1" applyFill="1" applyBorder="1" applyAlignment="1">
      <alignment horizontal="center" vertical="center" shrinkToFit="1"/>
    </xf>
    <xf numFmtId="0" fontId="8" fillId="7" borderId="35" xfId="0" applyFont="1" applyFill="1" applyBorder="1" applyAlignment="1">
      <alignment horizontal="center" vertical="center" shrinkToFit="1"/>
    </xf>
    <xf numFmtId="0" fontId="29" fillId="0" borderId="50" xfId="0" applyFont="1" applyBorder="1" applyAlignment="1">
      <alignment horizontal="left" vertical="center"/>
    </xf>
    <xf numFmtId="0" fontId="29" fillId="0" borderId="26" xfId="0" applyFont="1" applyBorder="1" applyAlignment="1">
      <alignment horizontal="left" vertical="center"/>
    </xf>
    <xf numFmtId="0" fontId="29" fillId="0" borderId="61" xfId="0" applyFont="1" applyBorder="1" applyAlignment="1">
      <alignment horizontal="left" vertical="center"/>
    </xf>
    <xf numFmtId="0" fontId="45" fillId="0" borderId="20" xfId="0" applyFont="1" applyBorder="1" applyAlignment="1">
      <alignment horizontal="left" vertical="center"/>
    </xf>
    <xf numFmtId="0" fontId="45" fillId="0" borderId="0" xfId="0" applyFont="1" applyAlignment="1">
      <alignment horizontal="left" vertical="center"/>
    </xf>
    <xf numFmtId="0" fontId="45" fillId="0" borderId="44" xfId="0" applyFont="1" applyBorder="1" applyAlignment="1">
      <alignment horizontal="left" vertical="center"/>
    </xf>
    <xf numFmtId="0" fontId="29" fillId="0" borderId="20" xfId="0" applyFont="1" applyBorder="1" applyAlignment="1">
      <alignment horizontal="left" vertical="center"/>
    </xf>
    <xf numFmtId="0" fontId="29" fillId="0" borderId="0" xfId="0" applyFont="1" applyAlignment="1">
      <alignment horizontal="left" vertical="center"/>
    </xf>
    <xf numFmtId="0" fontId="29" fillId="0" borderId="44" xfId="0" applyFont="1" applyBorder="1" applyAlignment="1">
      <alignment horizontal="left" vertical="center"/>
    </xf>
    <xf numFmtId="0" fontId="30" fillId="0" borderId="20" xfId="0" applyFont="1" applyBorder="1" applyAlignment="1">
      <alignment horizontal="left" vertical="center"/>
    </xf>
    <xf numFmtId="0" fontId="30" fillId="0" borderId="0" xfId="0" applyFont="1" applyAlignment="1">
      <alignment horizontal="left" vertical="center"/>
    </xf>
    <xf numFmtId="0" fontId="30" fillId="0" borderId="44" xfId="0" applyFont="1" applyBorder="1" applyAlignment="1">
      <alignment horizontal="left" vertical="center"/>
    </xf>
    <xf numFmtId="0" fontId="29" fillId="0" borderId="64" xfId="0" applyFont="1" applyBorder="1" applyAlignment="1">
      <alignment horizontal="left" vertical="center"/>
    </xf>
    <xf numFmtId="0" fontId="29" fillId="0" borderId="43" xfId="0" applyFont="1" applyBorder="1" applyAlignment="1">
      <alignment horizontal="left" vertical="center"/>
    </xf>
    <xf numFmtId="0" fontId="29" fillId="0" borderId="21" xfId="0" applyFont="1" applyBorder="1" applyAlignment="1">
      <alignment horizontal="left" vertical="center"/>
    </xf>
    <xf numFmtId="0" fontId="45" fillId="0" borderId="43" xfId="0" applyFont="1" applyBorder="1" applyAlignment="1">
      <alignment horizontal="left" vertical="center"/>
    </xf>
    <xf numFmtId="0" fontId="45" fillId="0" borderId="0" xfId="0" applyFont="1" applyBorder="1" applyAlignment="1">
      <alignment horizontal="left" vertical="center"/>
    </xf>
    <xf numFmtId="0" fontId="45" fillId="0" borderId="21" xfId="0" applyFont="1" applyBorder="1" applyAlignment="1">
      <alignment horizontal="left" vertical="center"/>
    </xf>
    <xf numFmtId="0" fontId="46" fillId="0" borderId="43" xfId="0" applyFont="1" applyBorder="1" applyAlignment="1">
      <alignment horizontal="left" vertical="center" wrapText="1"/>
    </xf>
    <xf numFmtId="0" fontId="46" fillId="0" borderId="0" xfId="0" applyFont="1" applyAlignment="1">
      <alignment horizontal="left" vertical="center" wrapText="1"/>
    </xf>
    <xf numFmtId="0" fontId="46" fillId="0" borderId="21" xfId="0" applyFont="1" applyBorder="1" applyAlignment="1">
      <alignment horizontal="left" vertical="center" wrapText="1"/>
    </xf>
    <xf numFmtId="0" fontId="5" fillId="5" borderId="41" xfId="0" applyFont="1" applyFill="1" applyBorder="1" applyAlignment="1">
      <alignment horizontal="center" vertical="center"/>
    </xf>
    <xf numFmtId="0" fontId="5" fillId="5" borderId="18" xfId="0" applyFont="1" applyFill="1" applyBorder="1" applyAlignment="1">
      <alignment horizontal="center" vertical="center"/>
    </xf>
    <xf numFmtId="0" fontId="5" fillId="5" borderId="19" xfId="0" applyFont="1" applyFill="1" applyBorder="1" applyAlignment="1">
      <alignment horizontal="center" vertical="center"/>
    </xf>
    <xf numFmtId="0" fontId="23" fillId="0" borderId="49" xfId="0" applyFont="1" applyBorder="1" applyAlignment="1">
      <alignment horizontal="left" vertical="center" wrapText="1" shrinkToFit="1"/>
    </xf>
    <xf numFmtId="0" fontId="23" fillId="0" borderId="24" xfId="0" applyFont="1" applyBorder="1" applyAlignment="1">
      <alignment horizontal="left" vertical="center" wrapText="1" shrinkToFit="1"/>
    </xf>
    <xf numFmtId="0" fontId="23" fillId="0" borderId="25" xfId="0" applyFont="1" applyBorder="1" applyAlignment="1">
      <alignment horizontal="left" vertical="center" wrapText="1" shrinkToFit="1"/>
    </xf>
    <xf numFmtId="0" fontId="29" fillId="0" borderId="43" xfId="0" applyFont="1" applyBorder="1" applyAlignment="1">
      <alignment horizontal="left" vertical="center" shrinkToFit="1"/>
    </xf>
    <xf numFmtId="0" fontId="29" fillId="0" borderId="0" xfId="0" applyFont="1" applyAlignment="1">
      <alignment horizontal="left" vertical="center" shrinkToFit="1"/>
    </xf>
    <xf numFmtId="0" fontId="29" fillId="0" borderId="21" xfId="0" applyFont="1" applyBorder="1" applyAlignment="1">
      <alignment horizontal="left" vertical="center" shrinkToFit="1"/>
    </xf>
    <xf numFmtId="0" fontId="5" fillId="0" borderId="20" xfId="0" applyFont="1" applyBorder="1" applyAlignment="1">
      <alignment horizontal="left" vertical="center"/>
    </xf>
    <xf numFmtId="0" fontId="5" fillId="0" borderId="0" xfId="0" applyFont="1" applyAlignment="1">
      <alignment horizontal="left" vertical="center"/>
    </xf>
    <xf numFmtId="0" fontId="5" fillId="0" borderId="44" xfId="0" applyFont="1" applyBorder="1" applyAlignment="1">
      <alignment horizontal="left" vertical="center"/>
    </xf>
    <xf numFmtId="0" fontId="29" fillId="0" borderId="0" xfId="0" applyFont="1" applyBorder="1" applyAlignment="1">
      <alignment horizontal="left" vertical="center" shrinkToFit="1"/>
    </xf>
    <xf numFmtId="0" fontId="6" fillId="7" borderId="10" xfId="0" applyFont="1" applyFill="1" applyBorder="1" applyAlignment="1">
      <alignment horizontal="center" vertical="center" wrapText="1"/>
    </xf>
    <xf numFmtId="0" fontId="36" fillId="0" borderId="30" xfId="0" applyFont="1" applyBorder="1" applyAlignment="1">
      <alignment horizontal="center" vertical="center" shrinkToFit="1"/>
    </xf>
    <xf numFmtId="0" fontId="36" fillId="0" borderId="23" xfId="0" applyFont="1" applyBorder="1" applyAlignment="1">
      <alignment horizontal="center" vertical="center" shrinkToFit="1"/>
    </xf>
    <xf numFmtId="0" fontId="6" fillId="7" borderId="28" xfId="0" applyFont="1" applyFill="1" applyBorder="1" applyAlignment="1">
      <alignment horizontal="center" vertical="center" shrinkToFit="1"/>
    </xf>
    <xf numFmtId="0" fontId="6" fillId="7" borderId="31" xfId="0" applyFont="1" applyFill="1" applyBorder="1" applyAlignment="1">
      <alignment horizontal="center" vertical="center" shrinkToFit="1"/>
    </xf>
    <xf numFmtId="0" fontId="23" fillId="0" borderId="37" xfId="0" applyFont="1" applyBorder="1" applyAlignment="1">
      <alignment horizontal="left" vertical="center" wrapText="1" shrinkToFit="1"/>
    </xf>
    <xf numFmtId="0" fontId="23" fillId="0" borderId="2" xfId="0" applyFont="1" applyBorder="1" applyAlignment="1">
      <alignment horizontal="left" vertical="center" wrapText="1" shrinkToFit="1"/>
    </xf>
    <xf numFmtId="0" fontId="23" fillId="0" borderId="14" xfId="0" applyFont="1" applyBorder="1" applyAlignment="1">
      <alignment horizontal="left" vertical="center" wrapText="1" shrinkToFit="1"/>
    </xf>
    <xf numFmtId="0" fontId="8" fillId="2" borderId="50" xfId="0" applyFont="1" applyFill="1" applyBorder="1" applyAlignment="1">
      <alignment horizontal="left" vertical="top" wrapText="1"/>
    </xf>
    <xf numFmtId="0" fontId="8" fillId="2" borderId="26" xfId="0" applyFont="1" applyFill="1" applyBorder="1" applyAlignment="1">
      <alignment horizontal="left" vertical="top" wrapText="1"/>
    </xf>
    <xf numFmtId="0" fontId="8" fillId="2" borderId="61" xfId="0" applyFont="1" applyFill="1" applyBorder="1" applyAlignment="1">
      <alignment horizontal="left" vertical="top" wrapText="1"/>
    </xf>
    <xf numFmtId="0" fontId="11" fillId="5" borderId="41" xfId="0" applyFont="1" applyFill="1" applyBorder="1" applyAlignment="1">
      <alignment horizontal="center" vertical="center" wrapText="1"/>
    </xf>
    <xf numFmtId="0" fontId="11" fillId="5" borderId="18" xfId="0" applyFont="1" applyFill="1" applyBorder="1" applyAlignment="1">
      <alignment horizontal="center" vertical="center"/>
    </xf>
    <xf numFmtId="0" fontId="11" fillId="5" borderId="19" xfId="0" applyFont="1" applyFill="1" applyBorder="1" applyAlignment="1">
      <alignment horizontal="center" vertical="center"/>
    </xf>
    <xf numFmtId="0" fontId="26" fillId="0" borderId="37" xfId="0" applyFont="1" applyBorder="1" applyAlignment="1">
      <alignment horizontal="center" vertical="center" shrinkToFit="1"/>
    </xf>
    <xf numFmtId="0" fontId="26" fillId="0" borderId="17" xfId="0" applyFont="1" applyBorder="1" applyAlignment="1">
      <alignment horizontal="center" vertical="center" shrinkToFit="1"/>
    </xf>
    <xf numFmtId="0" fontId="23" fillId="0" borderId="17" xfId="0" applyFont="1" applyBorder="1" applyAlignment="1">
      <alignment horizontal="center" vertical="center" shrinkToFit="1"/>
    </xf>
    <xf numFmtId="0" fontId="23" fillId="0" borderId="37" xfId="0" applyFont="1" applyBorder="1" applyAlignment="1">
      <alignment horizontal="left" vertical="center" wrapText="1"/>
    </xf>
    <xf numFmtId="0" fontId="23" fillId="0" borderId="2" xfId="0" applyFont="1" applyBorder="1" applyAlignment="1">
      <alignment horizontal="left" vertical="center" wrapText="1"/>
    </xf>
    <xf numFmtId="0" fontId="23" fillId="0" borderId="14" xfId="0" applyFont="1" applyBorder="1" applyAlignment="1">
      <alignment horizontal="left" vertical="center" wrapText="1"/>
    </xf>
    <xf numFmtId="0" fontId="23" fillId="0" borderId="22" xfId="0" applyFont="1" applyBorder="1" applyAlignment="1">
      <alignment horizontal="center" vertical="center" shrinkToFit="1"/>
    </xf>
    <xf numFmtId="0" fontId="25" fillId="0" borderId="57" xfId="0" applyFont="1" applyBorder="1" applyAlignment="1">
      <alignment horizontal="left" vertical="center" wrapText="1" shrinkToFit="1"/>
    </xf>
    <xf numFmtId="0" fontId="25" fillId="0" borderId="57" xfId="0" applyFont="1" applyBorder="1" applyAlignment="1">
      <alignment horizontal="left" vertical="center" shrinkToFit="1"/>
    </xf>
    <xf numFmtId="0" fontId="37" fillId="0" borderId="30" xfId="0" applyFont="1" applyBorder="1" applyAlignment="1">
      <alignment horizontal="left" vertical="center" wrapText="1" shrinkToFit="1"/>
    </xf>
    <xf numFmtId="0" fontId="37" fillId="0" borderId="23" xfId="0" applyFont="1" applyBorder="1" applyAlignment="1">
      <alignment horizontal="left" vertical="center" wrapText="1" shrinkToFit="1"/>
    </xf>
    <xf numFmtId="0" fontId="37" fillId="0" borderId="2" xfId="0" applyFont="1" applyBorder="1" applyAlignment="1">
      <alignment horizontal="left" vertical="center" wrapText="1" shrinkToFit="1"/>
    </xf>
    <xf numFmtId="0" fontId="37" fillId="0" borderId="17" xfId="0" applyFont="1" applyBorder="1" applyAlignment="1">
      <alignment horizontal="left" vertical="center" wrapText="1" shrinkToFit="1"/>
    </xf>
    <xf numFmtId="0" fontId="41" fillId="0" borderId="24" xfId="0" applyFont="1" applyBorder="1" applyAlignment="1">
      <alignment horizontal="left" vertical="center" wrapText="1"/>
    </xf>
    <xf numFmtId="0" fontId="8" fillId="0" borderId="24" xfId="0" applyFont="1" applyBorder="1" applyAlignment="1">
      <alignment horizontal="left" vertical="center" wrapText="1"/>
    </xf>
    <xf numFmtId="0" fontId="8" fillId="0" borderId="25" xfId="0" applyFont="1" applyBorder="1" applyAlignment="1">
      <alignment horizontal="left" vertical="center" wrapText="1"/>
    </xf>
    <xf numFmtId="0" fontId="8" fillId="7" borderId="45" xfId="0" applyFont="1" applyFill="1" applyBorder="1" applyAlignment="1">
      <alignment horizontal="center" vertical="center" wrapText="1"/>
    </xf>
    <xf numFmtId="0" fontId="8" fillId="7" borderId="34" xfId="0" applyFont="1" applyFill="1" applyBorder="1" applyAlignment="1">
      <alignment horizontal="center" vertical="center" wrapText="1"/>
    </xf>
    <xf numFmtId="0" fontId="8" fillId="7" borderId="42" xfId="0" applyFont="1" applyFill="1" applyBorder="1" applyAlignment="1">
      <alignment horizontal="center" vertical="center" wrapText="1"/>
    </xf>
    <xf numFmtId="0" fontId="8" fillId="7" borderId="35" xfId="0" applyFont="1" applyFill="1" applyBorder="1" applyAlignment="1">
      <alignment horizontal="center" vertical="center" wrapText="1"/>
    </xf>
    <xf numFmtId="0" fontId="31" fillId="0" borderId="2" xfId="0" applyFont="1" applyBorder="1" applyAlignment="1">
      <alignment horizontal="left" vertical="center"/>
    </xf>
    <xf numFmtId="0" fontId="31" fillId="0" borderId="14" xfId="0" applyFont="1" applyBorder="1" applyAlignment="1">
      <alignment horizontal="left" vertical="center"/>
    </xf>
    <xf numFmtId="0" fontId="7" fillId="0" borderId="24" xfId="0" applyFont="1" applyBorder="1" applyAlignment="1">
      <alignment horizontal="left" vertical="center" wrapText="1"/>
    </xf>
    <xf numFmtId="0" fontId="7" fillId="0" borderId="25" xfId="0" applyFont="1" applyBorder="1" applyAlignment="1">
      <alignment horizontal="left" vertical="center" wrapText="1"/>
    </xf>
    <xf numFmtId="0" fontId="43" fillId="0" borderId="2" xfId="0" applyFont="1" applyBorder="1" applyAlignment="1">
      <alignment vertical="center" wrapText="1"/>
    </xf>
    <xf numFmtId="0" fontId="43" fillId="0" borderId="14" xfId="0" applyFont="1" applyBorder="1" applyAlignment="1">
      <alignment vertical="center" wrapText="1"/>
    </xf>
    <xf numFmtId="0" fontId="7" fillId="0" borderId="2" xfId="0" applyFont="1" applyBorder="1" applyAlignment="1">
      <alignment horizontal="left" vertical="center" wrapText="1"/>
    </xf>
    <xf numFmtId="0" fontId="7" fillId="0" borderId="14" xfId="0" applyFont="1" applyBorder="1" applyAlignment="1">
      <alignment horizontal="left" vertical="center" wrapText="1"/>
    </xf>
    <xf numFmtId="0" fontId="41" fillId="0" borderId="49" xfId="0" applyFont="1" applyBorder="1" applyAlignment="1">
      <alignment horizontal="left" vertical="center" wrapText="1" shrinkToFit="1"/>
    </xf>
    <xf numFmtId="0" fontId="41" fillId="0" borderId="24" xfId="0" applyFont="1" applyBorder="1" applyAlignment="1">
      <alignment horizontal="left" vertical="center" wrapText="1" shrinkToFit="1"/>
    </xf>
    <xf numFmtId="0" fontId="41" fillId="0" borderId="25" xfId="0" applyFont="1" applyBorder="1" applyAlignment="1">
      <alignment horizontal="left" vertical="center" wrapText="1" shrinkToFit="1"/>
    </xf>
    <xf numFmtId="0" fontId="23" fillId="0" borderId="22" xfId="0" applyFont="1" applyBorder="1" applyAlignment="1">
      <alignment horizontal="center" vertical="center"/>
    </xf>
    <xf numFmtId="0" fontId="42" fillId="0" borderId="2" xfId="0" applyFont="1" applyBorder="1" applyAlignment="1">
      <alignment horizontal="left" vertical="center" wrapText="1"/>
    </xf>
    <xf numFmtId="0" fontId="42" fillId="0" borderId="2" xfId="0" applyFont="1" applyBorder="1" applyAlignment="1">
      <alignment horizontal="left" vertical="center"/>
    </xf>
    <xf numFmtId="0" fontId="42" fillId="0" borderId="14" xfId="0" applyFont="1" applyBorder="1" applyAlignment="1">
      <alignment horizontal="left" vertical="center"/>
    </xf>
    <xf numFmtId="0" fontId="42" fillId="0" borderId="37" xfId="0" applyFont="1" applyBorder="1" applyAlignment="1">
      <alignment horizontal="left" vertical="center" wrapText="1"/>
    </xf>
    <xf numFmtId="0" fontId="42" fillId="0" borderId="14" xfId="0" applyFont="1" applyBorder="1" applyAlignment="1">
      <alignment horizontal="left" vertical="center" wrapText="1"/>
    </xf>
    <xf numFmtId="0" fontId="23" fillId="0" borderId="37" xfId="0" applyFont="1" applyBorder="1" applyAlignment="1">
      <alignment horizontal="center" vertical="center" wrapText="1"/>
    </xf>
    <xf numFmtId="0" fontId="23" fillId="0" borderId="17" xfId="0" applyFont="1" applyBorder="1" applyAlignment="1">
      <alignment horizontal="center" vertical="center" wrapText="1"/>
    </xf>
    <xf numFmtId="0" fontId="41" fillId="0" borderId="37" xfId="0" applyFont="1" applyBorder="1" applyAlignment="1">
      <alignment horizontal="left" vertical="center" wrapText="1"/>
    </xf>
    <xf numFmtId="0" fontId="41" fillId="0" borderId="2" xfId="0" applyFont="1" applyBorder="1" applyAlignment="1">
      <alignment horizontal="left" vertical="center" wrapText="1"/>
    </xf>
    <xf numFmtId="0" fontId="41" fillId="0" borderId="14" xfId="0" applyFont="1" applyBorder="1" applyAlignment="1">
      <alignment horizontal="left" vertical="center" wrapText="1"/>
    </xf>
    <xf numFmtId="0" fontId="41" fillId="0" borderId="37" xfId="0" applyFont="1" applyBorder="1" applyAlignment="1">
      <alignment horizontal="left" vertical="center" wrapText="1" shrinkToFit="1"/>
    </xf>
    <xf numFmtId="0" fontId="41" fillId="0" borderId="2" xfId="0" applyFont="1" applyBorder="1" applyAlignment="1">
      <alignment horizontal="left" vertical="center" wrapText="1" shrinkToFit="1"/>
    </xf>
    <xf numFmtId="0" fontId="41" fillId="0" borderId="14" xfId="0" applyFont="1" applyBorder="1" applyAlignment="1">
      <alignment horizontal="left" vertical="center" wrapText="1" shrinkToFit="1"/>
    </xf>
    <xf numFmtId="0" fontId="44" fillId="0" borderId="37" xfId="0" applyFont="1" applyBorder="1" applyAlignment="1">
      <alignment horizontal="left" vertical="center" wrapText="1"/>
    </xf>
    <xf numFmtId="0" fontId="44" fillId="0" borderId="2" xfId="0" applyFont="1" applyBorder="1" applyAlignment="1">
      <alignment horizontal="left" vertical="center"/>
    </xf>
    <xf numFmtId="0" fontId="44" fillId="0" borderId="14" xfId="0" applyFont="1" applyBorder="1" applyAlignment="1">
      <alignment horizontal="left" vertical="center"/>
    </xf>
    <xf numFmtId="0" fontId="42" fillId="0" borderId="37" xfId="0" applyFont="1" applyBorder="1" applyAlignment="1">
      <alignment horizontal="left" vertical="center" wrapText="1" shrinkToFit="1"/>
    </xf>
    <xf numFmtId="0" fontId="42" fillId="0" borderId="2" xfId="0" applyFont="1" applyBorder="1" applyAlignment="1">
      <alignment horizontal="left" vertical="center" wrapText="1" shrinkToFit="1"/>
    </xf>
    <xf numFmtId="0" fontId="42" fillId="0" borderId="14" xfId="0" applyFont="1" applyBorder="1" applyAlignment="1">
      <alignment horizontal="left" vertical="center" wrapText="1" shrinkToFit="1"/>
    </xf>
    <xf numFmtId="0" fontId="41" fillId="0" borderId="30" xfId="0" applyFont="1" applyBorder="1" applyAlignment="1">
      <alignment horizontal="left" vertical="center" wrapText="1"/>
    </xf>
    <xf numFmtId="0" fontId="41" fillId="0" borderId="46" xfId="0" applyFont="1" applyBorder="1" applyAlignment="1">
      <alignment horizontal="left" vertical="center" wrapText="1"/>
    </xf>
    <xf numFmtId="0" fontId="42" fillId="0" borderId="30" xfId="0" applyFont="1" applyBorder="1" applyAlignment="1">
      <alignment horizontal="left" vertical="center" wrapText="1"/>
    </xf>
    <xf numFmtId="0" fontId="42" fillId="0" borderId="46" xfId="0" applyFont="1" applyBorder="1" applyAlignment="1">
      <alignment horizontal="left" vertical="center" wrapText="1"/>
    </xf>
    <xf numFmtId="0" fontId="41" fillId="2" borderId="50" xfId="0" applyFont="1" applyFill="1" applyBorder="1" applyAlignment="1">
      <alignment horizontal="left" vertical="center" wrapText="1"/>
    </xf>
    <xf numFmtId="0" fontId="41" fillId="2" borderId="26" xfId="0" applyFont="1" applyFill="1" applyBorder="1" applyAlignment="1">
      <alignment horizontal="left" vertical="center" wrapText="1"/>
    </xf>
    <xf numFmtId="0" fontId="41" fillId="2" borderId="61" xfId="0" applyFont="1" applyFill="1" applyBorder="1" applyAlignment="1">
      <alignment horizontal="left" vertical="center" wrapText="1"/>
    </xf>
    <xf numFmtId="0" fontId="0" fillId="0" borderId="3" xfId="0" applyBorder="1" applyAlignment="1">
      <alignment horizontal="center" vertical="center"/>
    </xf>
    <xf numFmtId="0" fontId="0" fillId="0" borderId="2" xfId="0" applyBorder="1" applyAlignment="1">
      <alignment horizontal="center" vertical="center"/>
    </xf>
    <xf numFmtId="0" fontId="38" fillId="0" borderId="56" xfId="0" applyFont="1" applyBorder="1" applyAlignment="1">
      <alignment horizontal="center" vertical="center"/>
    </xf>
    <xf numFmtId="0" fontId="0" fillId="0" borderId="78" xfId="0" applyBorder="1" applyAlignment="1">
      <alignment horizontal="center" vertical="center"/>
    </xf>
    <xf numFmtId="0" fontId="0" fillId="7" borderId="74" xfId="0" applyFill="1" applyBorder="1" applyAlignment="1">
      <alignment horizontal="center" vertical="center" wrapText="1"/>
    </xf>
    <xf numFmtId="0" fontId="0" fillId="7" borderId="76" xfId="0" applyFill="1" applyBorder="1" applyAlignment="1">
      <alignment horizontal="center" vertical="center" wrapText="1"/>
    </xf>
    <xf numFmtId="0" fontId="20" fillId="0" borderId="0" xfId="0" applyFont="1" applyAlignment="1">
      <alignment horizontal="left" vertical="center" wrapText="1"/>
    </xf>
    <xf numFmtId="0" fontId="10" fillId="0" borderId="0" xfId="0" applyFont="1" applyAlignment="1">
      <alignment horizontal="left" vertical="center" wrapText="1"/>
    </xf>
    <xf numFmtId="0" fontId="0" fillId="7" borderId="4" xfId="0" applyFill="1" applyBorder="1" applyAlignment="1">
      <alignment horizontal="center" vertical="center"/>
    </xf>
    <xf numFmtId="0" fontId="0" fillId="7" borderId="22" xfId="0" applyFill="1" applyBorder="1" applyAlignment="1">
      <alignment horizontal="center" vertical="center"/>
    </xf>
    <xf numFmtId="0" fontId="0" fillId="7" borderId="16" xfId="0" applyFill="1" applyBorder="1" applyAlignment="1">
      <alignment horizontal="center" vertical="center"/>
    </xf>
    <xf numFmtId="0" fontId="0" fillId="7" borderId="23" xfId="0" applyFill="1" applyBorder="1" applyAlignment="1">
      <alignment horizontal="center" vertical="center"/>
    </xf>
    <xf numFmtId="0" fontId="21" fillId="7" borderId="80" xfId="0" applyFont="1" applyFill="1" applyBorder="1" applyAlignment="1">
      <alignment horizontal="center" vertical="center" wrapText="1"/>
    </xf>
    <xf numFmtId="0" fontId="21" fillId="7" borderId="79" xfId="0" applyFont="1" applyFill="1" applyBorder="1" applyAlignment="1">
      <alignment horizontal="center" vertical="center" wrapText="1"/>
    </xf>
    <xf numFmtId="0" fontId="18" fillId="7" borderId="3" xfId="0" applyFont="1" applyFill="1" applyBorder="1" applyAlignment="1">
      <alignment horizontal="center" vertical="center"/>
    </xf>
    <xf numFmtId="0" fontId="18" fillId="7" borderId="2" xfId="0" applyFont="1" applyFill="1" applyBorder="1" applyAlignment="1">
      <alignment horizontal="center" vertical="center"/>
    </xf>
    <xf numFmtId="0" fontId="18" fillId="7" borderId="17" xfId="0" applyFont="1" applyFill="1" applyBorder="1" applyAlignment="1">
      <alignment horizontal="center" vertical="center"/>
    </xf>
    <xf numFmtId="0" fontId="14" fillId="7" borderId="5" xfId="0" applyFont="1" applyFill="1" applyBorder="1" applyAlignment="1">
      <alignment horizontal="center" vertical="center" wrapText="1"/>
    </xf>
    <xf numFmtId="0" fontId="14" fillId="7" borderId="15" xfId="0" applyFont="1" applyFill="1" applyBorder="1" applyAlignment="1">
      <alignment horizontal="center" vertical="center" wrapText="1"/>
    </xf>
    <xf numFmtId="0" fontId="14" fillId="7" borderId="6" xfId="0" applyFont="1" applyFill="1" applyBorder="1" applyAlignment="1">
      <alignment horizontal="center" vertical="center" wrapText="1"/>
    </xf>
    <xf numFmtId="0" fontId="19" fillId="0" borderId="0" xfId="0" applyFont="1" applyAlignment="1">
      <alignment vertical="center" wrapText="1"/>
    </xf>
    <xf numFmtId="0" fontId="14" fillId="7" borderId="1" xfId="0" applyFont="1" applyFill="1" applyBorder="1" applyAlignment="1">
      <alignment horizontal="center" vertical="center" wrapText="1"/>
    </xf>
    <xf numFmtId="0" fontId="14" fillId="7" borderId="1" xfId="0" applyFont="1" applyFill="1" applyBorder="1" applyAlignment="1">
      <alignment horizontal="center" vertical="center"/>
    </xf>
    <xf numFmtId="0" fontId="14" fillId="7" borderId="1" xfId="0" applyFont="1" applyFill="1" applyBorder="1" applyAlignment="1">
      <alignment horizontal="center" vertical="top" wrapText="1"/>
    </xf>
    <xf numFmtId="0" fontId="14" fillId="7" borderId="1" xfId="0" applyFont="1" applyFill="1" applyBorder="1" applyAlignment="1">
      <alignment horizontal="center" vertical="center" shrinkToFit="1"/>
    </xf>
    <xf numFmtId="0" fontId="34" fillId="7" borderId="1" xfId="0" applyFont="1" applyFill="1" applyBorder="1" applyAlignment="1">
      <alignment horizontal="center" vertical="center" wrapText="1"/>
    </xf>
    <xf numFmtId="0" fontId="14" fillId="7" borderId="5" xfId="0" applyFont="1" applyFill="1" applyBorder="1" applyAlignment="1">
      <alignment horizontal="center" vertical="center" shrinkToFit="1"/>
    </xf>
    <xf numFmtId="0" fontId="2" fillId="7" borderId="28" xfId="0" applyFont="1" applyFill="1" applyBorder="1" applyAlignment="1">
      <alignment horizontal="center" vertical="center" shrinkToFit="1"/>
    </xf>
    <xf numFmtId="0" fontId="2" fillId="7" borderId="2" xfId="0" applyFont="1" applyFill="1" applyBorder="1" applyAlignment="1">
      <alignment horizontal="center" vertical="center" shrinkToFit="1"/>
    </xf>
    <xf numFmtId="0" fontId="2" fillId="7" borderId="17" xfId="0" applyFont="1" applyFill="1" applyBorder="1" applyAlignment="1">
      <alignment horizontal="center" vertical="center" shrinkToFit="1"/>
    </xf>
    <xf numFmtId="0" fontId="2" fillId="7" borderId="10" xfId="0" applyFont="1" applyFill="1" applyBorder="1" applyAlignment="1">
      <alignment horizontal="center" vertical="center" wrapText="1" shrinkToFit="1"/>
    </xf>
    <xf numFmtId="0" fontId="2" fillId="7" borderId="1" xfId="0" applyFont="1" applyFill="1" applyBorder="1" applyAlignment="1">
      <alignment horizontal="center" vertical="center" shrinkToFit="1"/>
    </xf>
    <xf numFmtId="0" fontId="4" fillId="0" borderId="26" xfId="0" applyFont="1" applyBorder="1" applyAlignment="1">
      <alignment horizontal="left" vertical="center" wrapText="1"/>
    </xf>
    <xf numFmtId="0" fontId="2" fillId="7" borderId="10" xfId="0" applyFont="1" applyFill="1" applyBorder="1" applyAlignment="1">
      <alignment horizontal="center" vertical="center" shrinkToFit="1"/>
    </xf>
    <xf numFmtId="0" fontId="2" fillId="7" borderId="1" xfId="0" applyFont="1" applyFill="1" applyBorder="1" applyAlignment="1">
      <alignment vertical="center" shrinkToFit="1"/>
    </xf>
    <xf numFmtId="0" fontId="2" fillId="7" borderId="2" xfId="0" applyFont="1" applyFill="1" applyBorder="1" applyAlignment="1">
      <alignment vertical="center" shrinkToFit="1"/>
    </xf>
    <xf numFmtId="0" fontId="2" fillId="7" borderId="17" xfId="0" applyFont="1" applyFill="1" applyBorder="1" applyAlignment="1">
      <alignment vertical="center" shrinkToFit="1"/>
    </xf>
    <xf numFmtId="0" fontId="12" fillId="7" borderId="7" xfId="0" applyFont="1" applyFill="1" applyBorder="1" applyAlignment="1">
      <alignment horizontal="center" vertical="center" wrapText="1"/>
    </xf>
    <xf numFmtId="0" fontId="12" fillId="7" borderId="8" xfId="0" applyFont="1" applyFill="1" applyBorder="1" applyAlignment="1">
      <alignment horizontal="center" vertical="center" wrapText="1"/>
    </xf>
    <xf numFmtId="0" fontId="2" fillId="7" borderId="12" xfId="0" applyFont="1" applyFill="1" applyBorder="1" applyAlignment="1">
      <alignment horizontal="center" vertical="center" shrinkToFit="1"/>
    </xf>
    <xf numFmtId="0" fontId="2" fillId="7" borderId="13" xfId="0" applyFont="1" applyFill="1" applyBorder="1" applyAlignment="1">
      <alignment vertical="center" shrinkToFit="1"/>
    </xf>
  </cellXfs>
  <cellStyles count="1">
    <cellStyle name="標準" xfId="0" builtinId="0"/>
  </cellStyles>
  <dxfs count="1">
    <dxf>
      <fill>
        <patternFill>
          <bgColor rgb="FFFFFF00"/>
        </patternFill>
      </fill>
    </dxf>
  </dxfs>
  <tableStyles count="0" defaultTableStyle="TableStyleMedium2" defaultPivotStyle="PivotStyleLight16"/>
  <colors>
    <mruColors>
      <color rgb="FFFFE4C9"/>
      <color rgb="FFFFFFCC"/>
      <color rgb="FFFFCC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9</xdr:col>
      <xdr:colOff>207374</xdr:colOff>
      <xdr:row>0</xdr:row>
      <xdr:rowOff>188595</xdr:rowOff>
    </xdr:from>
    <xdr:to>
      <xdr:col>9</xdr:col>
      <xdr:colOff>661307</xdr:colOff>
      <xdr:row>0</xdr:row>
      <xdr:rowOff>340995</xdr:rowOff>
    </xdr:to>
    <xdr:sp macro="" textlink="">
      <xdr:nvSpPr>
        <xdr:cNvPr id="3" name="テキスト ボックス 2">
          <a:extLst>
            <a:ext uri="{FF2B5EF4-FFF2-40B4-BE49-F238E27FC236}">
              <a16:creationId xmlns:a16="http://schemas.microsoft.com/office/drawing/2014/main" id="{B238C03F-AC30-AA41-875B-ED460855B916}"/>
            </a:ext>
          </a:extLst>
        </xdr:cNvPr>
        <xdr:cNvSpPr txBox="1"/>
      </xdr:nvSpPr>
      <xdr:spPr>
        <a:xfrm>
          <a:off x="6438357" y="188595"/>
          <a:ext cx="453933"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表面）</a:t>
          </a:r>
        </a:p>
      </xdr:txBody>
    </xdr:sp>
    <xdr:clientData/>
  </xdr:twoCellAnchor>
  <xdr:twoCellAnchor>
    <xdr:from>
      <xdr:col>9</xdr:col>
      <xdr:colOff>225696</xdr:colOff>
      <xdr:row>0</xdr:row>
      <xdr:rowOff>29147</xdr:rowOff>
    </xdr:from>
    <xdr:to>
      <xdr:col>9</xdr:col>
      <xdr:colOff>636375</xdr:colOff>
      <xdr:row>0</xdr:row>
      <xdr:rowOff>176790</xdr:rowOff>
    </xdr:to>
    <xdr:sp macro="" textlink="">
      <xdr:nvSpPr>
        <xdr:cNvPr id="5" name="テキスト ボックス 4">
          <a:extLst>
            <a:ext uri="{FF2B5EF4-FFF2-40B4-BE49-F238E27FC236}">
              <a16:creationId xmlns:a16="http://schemas.microsoft.com/office/drawing/2014/main" id="{FFDB84AB-4212-5D2D-6E79-69CD74311BE3}"/>
            </a:ext>
          </a:extLst>
        </xdr:cNvPr>
        <xdr:cNvSpPr txBox="1"/>
      </xdr:nvSpPr>
      <xdr:spPr>
        <a:xfrm>
          <a:off x="6484089" y="29147"/>
          <a:ext cx="410679" cy="1476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100">
              <a:latin typeface="+mj-ea"/>
              <a:ea typeface="+mj-ea"/>
            </a:rPr>
            <a:t>ver.3</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207374</xdr:colOff>
      <xdr:row>0</xdr:row>
      <xdr:rowOff>188595</xdr:rowOff>
    </xdr:from>
    <xdr:to>
      <xdr:col>9</xdr:col>
      <xdr:colOff>661307</xdr:colOff>
      <xdr:row>0</xdr:row>
      <xdr:rowOff>340995</xdr:rowOff>
    </xdr:to>
    <xdr:sp macro="" textlink="">
      <xdr:nvSpPr>
        <xdr:cNvPr id="2" name="テキスト ボックス 1">
          <a:extLst>
            <a:ext uri="{FF2B5EF4-FFF2-40B4-BE49-F238E27FC236}">
              <a16:creationId xmlns:a16="http://schemas.microsoft.com/office/drawing/2014/main" id="{295DD005-FA84-4A1E-A498-9C3D083DD534}"/>
            </a:ext>
          </a:extLst>
        </xdr:cNvPr>
        <xdr:cNvSpPr txBox="1"/>
      </xdr:nvSpPr>
      <xdr:spPr>
        <a:xfrm>
          <a:off x="6451964" y="188595"/>
          <a:ext cx="448218"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裏面）</a:t>
          </a:r>
        </a:p>
      </xdr:txBody>
    </xdr:sp>
    <xdr:clientData/>
  </xdr:twoCellAnchor>
  <xdr:twoCellAnchor>
    <xdr:from>
      <xdr:col>9</xdr:col>
      <xdr:colOff>222068</xdr:colOff>
      <xdr:row>0</xdr:row>
      <xdr:rowOff>21772</xdr:rowOff>
    </xdr:from>
    <xdr:to>
      <xdr:col>9</xdr:col>
      <xdr:colOff>636557</xdr:colOff>
      <xdr:row>0</xdr:row>
      <xdr:rowOff>169415</xdr:rowOff>
    </xdr:to>
    <xdr:sp macro="" textlink="">
      <xdr:nvSpPr>
        <xdr:cNvPr id="3" name="テキスト ボックス 2">
          <a:extLst>
            <a:ext uri="{FF2B5EF4-FFF2-40B4-BE49-F238E27FC236}">
              <a16:creationId xmlns:a16="http://schemas.microsoft.com/office/drawing/2014/main" id="{A1A32AC2-4974-4220-B72A-13896F9E66D6}"/>
            </a:ext>
          </a:extLst>
        </xdr:cNvPr>
        <xdr:cNvSpPr txBox="1"/>
      </xdr:nvSpPr>
      <xdr:spPr>
        <a:xfrm>
          <a:off x="6453051" y="21772"/>
          <a:ext cx="414489" cy="1476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100">
              <a:latin typeface="+mj-ea"/>
              <a:ea typeface="+mj-ea"/>
            </a:rPr>
            <a:t>ver.3</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207374</xdr:colOff>
      <xdr:row>0</xdr:row>
      <xdr:rowOff>188595</xdr:rowOff>
    </xdr:from>
    <xdr:to>
      <xdr:col>9</xdr:col>
      <xdr:colOff>661307</xdr:colOff>
      <xdr:row>0</xdr:row>
      <xdr:rowOff>340995</xdr:rowOff>
    </xdr:to>
    <xdr:sp macro="" textlink="">
      <xdr:nvSpPr>
        <xdr:cNvPr id="2" name="テキスト ボックス 1">
          <a:extLst>
            <a:ext uri="{FF2B5EF4-FFF2-40B4-BE49-F238E27FC236}">
              <a16:creationId xmlns:a16="http://schemas.microsoft.com/office/drawing/2014/main" id="{5E28437C-919B-4F26-8976-53454579C9CA}"/>
            </a:ext>
          </a:extLst>
        </xdr:cNvPr>
        <xdr:cNvSpPr txBox="1"/>
      </xdr:nvSpPr>
      <xdr:spPr>
        <a:xfrm>
          <a:off x="6451964" y="188595"/>
          <a:ext cx="448218"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表面）</a:t>
          </a:r>
        </a:p>
      </xdr:txBody>
    </xdr:sp>
    <xdr:clientData/>
  </xdr:twoCellAnchor>
  <xdr:twoCellAnchor>
    <xdr:from>
      <xdr:col>9</xdr:col>
      <xdr:colOff>230777</xdr:colOff>
      <xdr:row>0</xdr:row>
      <xdr:rowOff>17417</xdr:rowOff>
    </xdr:from>
    <xdr:to>
      <xdr:col>9</xdr:col>
      <xdr:colOff>645266</xdr:colOff>
      <xdr:row>0</xdr:row>
      <xdr:rowOff>165060</xdr:rowOff>
    </xdr:to>
    <xdr:sp macro="" textlink="">
      <xdr:nvSpPr>
        <xdr:cNvPr id="3" name="テキスト ボックス 2">
          <a:extLst>
            <a:ext uri="{FF2B5EF4-FFF2-40B4-BE49-F238E27FC236}">
              <a16:creationId xmlns:a16="http://schemas.microsoft.com/office/drawing/2014/main" id="{9C46A966-DD4B-4783-AA52-9E16CD988570}"/>
            </a:ext>
          </a:extLst>
        </xdr:cNvPr>
        <xdr:cNvSpPr txBox="1"/>
      </xdr:nvSpPr>
      <xdr:spPr>
        <a:xfrm>
          <a:off x="6461760" y="17417"/>
          <a:ext cx="414489" cy="1476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100">
              <a:latin typeface="+mj-ea"/>
              <a:ea typeface="+mj-ea"/>
            </a:rPr>
            <a:t>ver.3</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207374</xdr:colOff>
      <xdr:row>0</xdr:row>
      <xdr:rowOff>188595</xdr:rowOff>
    </xdr:from>
    <xdr:to>
      <xdr:col>9</xdr:col>
      <xdr:colOff>661307</xdr:colOff>
      <xdr:row>0</xdr:row>
      <xdr:rowOff>340995</xdr:rowOff>
    </xdr:to>
    <xdr:sp macro="" textlink="">
      <xdr:nvSpPr>
        <xdr:cNvPr id="2" name="テキスト ボックス 1">
          <a:extLst>
            <a:ext uri="{FF2B5EF4-FFF2-40B4-BE49-F238E27FC236}">
              <a16:creationId xmlns:a16="http://schemas.microsoft.com/office/drawing/2014/main" id="{75061040-2249-47A7-A700-28C7DD900BCD}"/>
            </a:ext>
          </a:extLst>
        </xdr:cNvPr>
        <xdr:cNvSpPr txBox="1"/>
      </xdr:nvSpPr>
      <xdr:spPr>
        <a:xfrm>
          <a:off x="6451964" y="188595"/>
          <a:ext cx="448218"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裏面）</a:t>
          </a:r>
        </a:p>
      </xdr:txBody>
    </xdr:sp>
    <xdr:clientData/>
  </xdr:twoCellAnchor>
  <xdr:twoCellAnchor>
    <xdr:from>
      <xdr:col>9</xdr:col>
      <xdr:colOff>226423</xdr:colOff>
      <xdr:row>0</xdr:row>
      <xdr:rowOff>21771</xdr:rowOff>
    </xdr:from>
    <xdr:to>
      <xdr:col>9</xdr:col>
      <xdr:colOff>640912</xdr:colOff>
      <xdr:row>0</xdr:row>
      <xdr:rowOff>169414</xdr:rowOff>
    </xdr:to>
    <xdr:sp macro="" textlink="">
      <xdr:nvSpPr>
        <xdr:cNvPr id="3" name="テキスト ボックス 2">
          <a:extLst>
            <a:ext uri="{FF2B5EF4-FFF2-40B4-BE49-F238E27FC236}">
              <a16:creationId xmlns:a16="http://schemas.microsoft.com/office/drawing/2014/main" id="{67C4C683-BF89-4555-B4D1-4CBDDF860043}"/>
            </a:ext>
          </a:extLst>
        </xdr:cNvPr>
        <xdr:cNvSpPr txBox="1"/>
      </xdr:nvSpPr>
      <xdr:spPr>
        <a:xfrm>
          <a:off x="6457406" y="21771"/>
          <a:ext cx="414489" cy="1476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100">
              <a:latin typeface="+mj-ea"/>
              <a:ea typeface="+mj-ea"/>
            </a:rPr>
            <a:t>ver.3</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E4C9"/>
  </sheetPr>
  <dimension ref="A1:L31"/>
  <sheetViews>
    <sheetView tabSelected="1" view="pageBreakPreview" zoomScaleNormal="100" zoomScaleSheetLayoutView="100" workbookViewId="0">
      <selection activeCell="F3" sqref="F3:G3"/>
    </sheetView>
  </sheetViews>
  <sheetFormatPr defaultColWidth="9" defaultRowHeight="12" x14ac:dyDescent="0.2"/>
  <cols>
    <col min="1" max="10" width="9.109375" style="1" customWidth="1"/>
    <col min="11" max="34" width="3.6640625" style="1" customWidth="1"/>
    <col min="35" max="16384" width="9" style="1"/>
  </cols>
  <sheetData>
    <row r="1" spans="1:12" ht="28.5" customHeight="1" thickBot="1" x14ac:dyDescent="0.25">
      <c r="A1" s="113" t="s">
        <v>0</v>
      </c>
      <c r="B1" s="113"/>
      <c r="C1" s="113"/>
      <c r="D1" s="113"/>
      <c r="E1" s="113"/>
      <c r="F1" s="113"/>
      <c r="G1" s="113"/>
      <c r="H1" s="113"/>
      <c r="I1" s="113"/>
      <c r="J1" s="113"/>
      <c r="L1" s="2"/>
    </row>
    <row r="2" spans="1:12" ht="24.9" customHeight="1" thickBot="1" x14ac:dyDescent="0.25">
      <c r="A2" s="124" t="s">
        <v>1</v>
      </c>
      <c r="B2" s="125"/>
      <c r="C2" s="125"/>
      <c r="D2" s="125"/>
      <c r="E2" s="125"/>
      <c r="F2" s="126"/>
      <c r="G2" s="126"/>
      <c r="H2" s="126"/>
      <c r="I2" s="126"/>
      <c r="J2" s="127"/>
      <c r="L2" s="2"/>
    </row>
    <row r="3" spans="1:12" ht="24.9" customHeight="1" x14ac:dyDescent="0.2">
      <c r="A3" s="119" t="s">
        <v>2</v>
      </c>
      <c r="B3" s="120"/>
      <c r="C3" s="66"/>
      <c r="D3" s="67"/>
      <c r="E3" s="68"/>
      <c r="F3" s="118" t="s">
        <v>3</v>
      </c>
      <c r="G3" s="85"/>
      <c r="H3" s="121"/>
      <c r="I3" s="122"/>
      <c r="J3" s="123"/>
      <c r="L3" s="2"/>
    </row>
    <row r="4" spans="1:12" ht="24.9" customHeight="1" x14ac:dyDescent="0.2">
      <c r="A4" s="114" t="s">
        <v>4</v>
      </c>
      <c r="B4" s="115"/>
      <c r="C4" s="31"/>
      <c r="D4" s="32"/>
      <c r="E4" s="33"/>
      <c r="F4" s="116" t="s">
        <v>286</v>
      </c>
      <c r="G4" s="117"/>
      <c r="H4" s="90"/>
      <c r="I4" s="91"/>
      <c r="J4" s="92"/>
    </row>
    <row r="5" spans="1:12" ht="24.9" customHeight="1" thickBot="1" x14ac:dyDescent="0.25">
      <c r="A5" s="80" t="s">
        <v>5</v>
      </c>
      <c r="B5" s="81"/>
      <c r="C5" s="34"/>
      <c r="D5" s="64"/>
      <c r="E5" s="65"/>
      <c r="F5" s="82" t="s">
        <v>287</v>
      </c>
      <c r="G5" s="83"/>
      <c r="H5" s="78"/>
      <c r="I5" s="78"/>
      <c r="J5" s="79"/>
    </row>
    <row r="6" spans="1:12" ht="24.9" customHeight="1" x14ac:dyDescent="0.2">
      <c r="A6" s="84" t="s">
        <v>6</v>
      </c>
      <c r="B6" s="85"/>
      <c r="C6" s="86"/>
      <c r="D6" s="87"/>
      <c r="E6" s="87"/>
      <c r="F6" s="88" t="s">
        <v>288</v>
      </c>
      <c r="G6" s="89"/>
      <c r="H6" s="90"/>
      <c r="I6" s="91"/>
      <c r="J6" s="92"/>
    </row>
    <row r="7" spans="1:12" ht="24.9" customHeight="1" thickBot="1" x14ac:dyDescent="0.25">
      <c r="A7" s="69" t="s">
        <v>7</v>
      </c>
      <c r="B7" s="70"/>
      <c r="C7" s="71"/>
      <c r="D7" s="72"/>
      <c r="E7" s="72"/>
      <c r="F7" s="93" t="s">
        <v>8</v>
      </c>
      <c r="G7" s="94"/>
      <c r="H7" s="55"/>
      <c r="I7" s="56"/>
      <c r="J7" s="57"/>
    </row>
    <row r="8" spans="1:12" ht="4.5" customHeight="1" thickBot="1" x14ac:dyDescent="0.25"/>
    <row r="9" spans="1:12" ht="24.9" customHeight="1" x14ac:dyDescent="0.2">
      <c r="A9" s="147" t="s">
        <v>9</v>
      </c>
      <c r="B9" s="126"/>
      <c r="C9" s="126"/>
      <c r="D9" s="126"/>
      <c r="E9" s="126"/>
      <c r="F9" s="126"/>
      <c r="G9" s="126"/>
      <c r="H9" s="126"/>
      <c r="I9" s="126"/>
      <c r="J9" s="127"/>
      <c r="L9" s="2"/>
    </row>
    <row r="10" spans="1:12" ht="24.9" customHeight="1" x14ac:dyDescent="0.2">
      <c r="A10" s="76" t="s">
        <v>10</v>
      </c>
      <c r="B10" s="77"/>
      <c r="C10" s="21"/>
      <c r="D10" s="16"/>
      <c r="E10" s="40"/>
      <c r="F10" s="150" t="s">
        <v>11</v>
      </c>
      <c r="G10" s="83"/>
      <c r="H10" s="95"/>
      <c r="I10" s="96"/>
      <c r="J10" s="97"/>
    </row>
    <row r="11" spans="1:12" ht="24.9" customHeight="1" x14ac:dyDescent="0.2">
      <c r="A11" s="76" t="s">
        <v>12</v>
      </c>
      <c r="B11" s="89"/>
      <c r="C11" s="18"/>
      <c r="D11" s="19"/>
      <c r="E11" s="20"/>
      <c r="F11" s="102" t="s">
        <v>13</v>
      </c>
      <c r="G11" s="89"/>
      <c r="H11" s="111"/>
      <c r="I11" s="111"/>
      <c r="J11" s="112"/>
    </row>
    <row r="12" spans="1:12" ht="35.25" customHeight="1" thickBot="1" x14ac:dyDescent="0.25">
      <c r="A12" s="152" t="s">
        <v>14</v>
      </c>
      <c r="B12" s="153"/>
      <c r="C12" s="154"/>
      <c r="D12" s="154"/>
      <c r="E12" s="154"/>
      <c r="F12" s="154"/>
      <c r="G12" s="154"/>
      <c r="H12" s="154"/>
      <c r="I12" s="154"/>
      <c r="J12" s="155"/>
    </row>
    <row r="13" spans="1:12" ht="4.5" customHeight="1" thickBot="1" x14ac:dyDescent="0.25"/>
    <row r="14" spans="1:12" ht="24.9" customHeight="1" x14ac:dyDescent="0.2">
      <c r="A14" s="147" t="s">
        <v>15</v>
      </c>
      <c r="B14" s="126"/>
      <c r="C14" s="126"/>
      <c r="D14" s="126"/>
      <c r="E14" s="126"/>
      <c r="F14" s="126"/>
      <c r="G14" s="126"/>
      <c r="H14" s="126"/>
      <c r="I14" s="126"/>
      <c r="J14" s="127"/>
      <c r="L14" s="2"/>
    </row>
    <row r="15" spans="1:12" ht="24.9" customHeight="1" x14ac:dyDescent="0.2">
      <c r="A15" s="151" t="s">
        <v>16</v>
      </c>
      <c r="B15" s="89"/>
      <c r="C15" s="18"/>
      <c r="D15" s="19"/>
      <c r="E15" s="20"/>
      <c r="F15" s="102" t="s">
        <v>17</v>
      </c>
      <c r="G15" s="89"/>
      <c r="H15" s="103"/>
      <c r="I15" s="103"/>
      <c r="J15" s="104"/>
    </row>
    <row r="16" spans="1:12" ht="24.9" customHeight="1" x14ac:dyDescent="0.2">
      <c r="A16" s="151" t="s">
        <v>18</v>
      </c>
      <c r="B16" s="89"/>
      <c r="C16" s="109"/>
      <c r="D16" s="103"/>
      <c r="E16" s="110"/>
      <c r="F16" s="102" t="s">
        <v>19</v>
      </c>
      <c r="G16" s="89"/>
      <c r="H16" s="111"/>
      <c r="I16" s="111"/>
      <c r="J16" s="112"/>
    </row>
    <row r="17" spans="1:10" ht="24.9" customHeight="1" x14ac:dyDescent="0.2">
      <c r="A17" s="156" t="s">
        <v>20</v>
      </c>
      <c r="B17" s="157"/>
      <c r="C17" s="148"/>
      <c r="D17" s="149"/>
      <c r="E17" s="98" t="s">
        <v>21</v>
      </c>
      <c r="F17" s="99"/>
      <c r="G17" s="17"/>
      <c r="H17" s="100" t="s">
        <v>22</v>
      </c>
      <c r="I17" s="101"/>
      <c r="J17" s="22"/>
    </row>
    <row r="18" spans="1:10" ht="10.5" customHeight="1" x14ac:dyDescent="0.2">
      <c r="A18" s="105" t="s">
        <v>308</v>
      </c>
      <c r="B18" s="106"/>
      <c r="C18" s="25" t="s">
        <v>23</v>
      </c>
      <c r="D18" s="25" t="s">
        <v>24</v>
      </c>
      <c r="E18" s="25" t="s">
        <v>25</v>
      </c>
      <c r="F18" s="28" t="s">
        <v>26</v>
      </c>
      <c r="G18" s="25" t="s">
        <v>27</v>
      </c>
      <c r="H18" s="25" t="s">
        <v>28</v>
      </c>
      <c r="I18" s="25" t="s">
        <v>29</v>
      </c>
      <c r="J18" s="29" t="s">
        <v>30</v>
      </c>
    </row>
    <row r="19" spans="1:10" ht="24.9" customHeight="1" x14ac:dyDescent="0.2">
      <c r="A19" s="107"/>
      <c r="B19" s="108"/>
      <c r="C19" s="26"/>
      <c r="D19" s="26"/>
      <c r="E19" s="26"/>
      <c r="F19" s="27"/>
      <c r="G19" s="26"/>
      <c r="H19" s="27"/>
      <c r="I19" s="26"/>
      <c r="J19" s="30"/>
    </row>
    <row r="20" spans="1:10" ht="24.9" customHeight="1" x14ac:dyDescent="0.2">
      <c r="A20" s="133" t="s">
        <v>31</v>
      </c>
      <c r="B20" s="83"/>
      <c r="C20" s="134"/>
      <c r="D20" s="134"/>
      <c r="E20" s="134"/>
      <c r="F20" s="134"/>
      <c r="G20" s="134"/>
      <c r="H20" s="134"/>
      <c r="I20" s="134"/>
      <c r="J20" s="135"/>
    </row>
    <row r="21" spans="1:10" ht="24.9" customHeight="1" x14ac:dyDescent="0.2">
      <c r="A21" s="76" t="s">
        <v>32</v>
      </c>
      <c r="B21" s="77"/>
      <c r="C21" s="73"/>
      <c r="D21" s="74"/>
      <c r="E21" s="74"/>
      <c r="F21" s="74"/>
      <c r="G21" s="74"/>
      <c r="H21" s="74"/>
      <c r="I21" s="74"/>
      <c r="J21" s="75"/>
    </row>
    <row r="22" spans="1:10" ht="24.9" customHeight="1" x14ac:dyDescent="0.2">
      <c r="A22" s="76" t="s">
        <v>33</v>
      </c>
      <c r="B22" s="77"/>
      <c r="C22" s="73"/>
      <c r="D22" s="74"/>
      <c r="E22" s="74"/>
      <c r="F22" s="74"/>
      <c r="G22" s="74"/>
      <c r="H22" s="74"/>
      <c r="I22" s="74"/>
      <c r="J22" s="75"/>
    </row>
    <row r="23" spans="1:10" ht="24.9" customHeight="1" x14ac:dyDescent="0.2">
      <c r="A23" s="76" t="s">
        <v>34</v>
      </c>
      <c r="B23" s="77"/>
      <c r="C23" s="73"/>
      <c r="D23" s="74"/>
      <c r="E23" s="74"/>
      <c r="F23" s="74"/>
      <c r="G23" s="74"/>
      <c r="H23" s="74"/>
      <c r="I23" s="74"/>
      <c r="J23" s="75"/>
    </row>
    <row r="24" spans="1:10" ht="24.9" customHeight="1" x14ac:dyDescent="0.2">
      <c r="A24" s="76" t="s">
        <v>35</v>
      </c>
      <c r="B24" s="77"/>
      <c r="C24" s="74"/>
      <c r="D24" s="74"/>
      <c r="E24" s="74"/>
      <c r="F24" s="74"/>
      <c r="G24" s="74"/>
      <c r="H24" s="74"/>
      <c r="I24" s="74"/>
      <c r="J24" s="75"/>
    </row>
    <row r="25" spans="1:10" ht="24.9" customHeight="1" x14ac:dyDescent="0.2">
      <c r="A25" s="76" t="s">
        <v>36</v>
      </c>
      <c r="B25" s="77"/>
      <c r="C25" s="74"/>
      <c r="D25" s="74"/>
      <c r="E25" s="74"/>
      <c r="F25" s="74"/>
      <c r="G25" s="74"/>
      <c r="H25" s="74"/>
      <c r="I25" s="74"/>
      <c r="J25" s="75"/>
    </row>
    <row r="26" spans="1:10" ht="24.9" customHeight="1" x14ac:dyDescent="0.2">
      <c r="A26" s="138" t="s">
        <v>37</v>
      </c>
      <c r="B26" s="139"/>
      <c r="C26" s="23" t="s">
        <v>38</v>
      </c>
      <c r="D26" s="143"/>
      <c r="E26" s="143"/>
      <c r="F26" s="143"/>
      <c r="G26" s="143"/>
      <c r="H26" s="143"/>
      <c r="I26" s="143"/>
      <c r="J26" s="144"/>
    </row>
    <row r="27" spans="1:10" ht="24.9" customHeight="1" x14ac:dyDescent="0.2">
      <c r="A27" s="140"/>
      <c r="B27" s="141"/>
      <c r="C27" s="23" t="s">
        <v>39</v>
      </c>
      <c r="D27" s="143"/>
      <c r="E27" s="143"/>
      <c r="F27" s="143"/>
      <c r="G27" s="143"/>
      <c r="H27" s="143"/>
      <c r="I27" s="143"/>
      <c r="J27" s="144"/>
    </row>
    <row r="28" spans="1:10" ht="24.9" customHeight="1" x14ac:dyDescent="0.2">
      <c r="A28" s="82"/>
      <c r="B28" s="142"/>
      <c r="C28" s="24" t="s">
        <v>40</v>
      </c>
      <c r="D28" s="73"/>
      <c r="E28" s="74"/>
      <c r="F28" s="74"/>
      <c r="G28" s="74"/>
      <c r="H28" s="74"/>
      <c r="I28" s="74"/>
      <c r="J28" s="75"/>
    </row>
    <row r="29" spans="1:10" ht="97.5" customHeight="1" x14ac:dyDescent="0.2">
      <c r="A29" s="145" t="s">
        <v>41</v>
      </c>
      <c r="B29" s="146"/>
      <c r="C29" s="136"/>
      <c r="D29" s="136"/>
      <c r="E29" s="136"/>
      <c r="F29" s="136"/>
      <c r="G29" s="136"/>
      <c r="H29" s="136"/>
      <c r="I29" s="136"/>
      <c r="J29" s="137"/>
    </row>
    <row r="30" spans="1:10" ht="36.75" customHeight="1" thickBot="1" x14ac:dyDescent="0.25">
      <c r="A30" s="128" t="s">
        <v>42</v>
      </c>
      <c r="B30" s="129"/>
      <c r="C30" s="130"/>
      <c r="D30" s="130"/>
      <c r="E30" s="130"/>
      <c r="F30" s="130"/>
      <c r="G30" s="130"/>
      <c r="H30" s="130"/>
      <c r="I30" s="130"/>
      <c r="J30" s="131"/>
    </row>
    <row r="31" spans="1:10" ht="90.75" customHeight="1" x14ac:dyDescent="0.2">
      <c r="A31" s="132" t="s">
        <v>321</v>
      </c>
      <c r="B31" s="132"/>
      <c r="C31" s="132"/>
      <c r="D31" s="132"/>
      <c r="E31" s="132"/>
      <c r="F31" s="132"/>
      <c r="G31" s="132"/>
      <c r="H31" s="132"/>
      <c r="I31" s="132"/>
      <c r="J31" s="132"/>
    </row>
  </sheetData>
  <mergeCells count="63">
    <mergeCell ref="A9:J9"/>
    <mergeCell ref="C17:D17"/>
    <mergeCell ref="A25:B25"/>
    <mergeCell ref="C25:J25"/>
    <mergeCell ref="C22:J22"/>
    <mergeCell ref="A10:B10"/>
    <mergeCell ref="F10:G10"/>
    <mergeCell ref="A11:B11"/>
    <mergeCell ref="F11:G11"/>
    <mergeCell ref="H11:J11"/>
    <mergeCell ref="A16:B16"/>
    <mergeCell ref="A12:B12"/>
    <mergeCell ref="C12:J12"/>
    <mergeCell ref="A14:J14"/>
    <mergeCell ref="A17:B17"/>
    <mergeCell ref="A15:B15"/>
    <mergeCell ref="A30:B30"/>
    <mergeCell ref="C30:J30"/>
    <mergeCell ref="A31:J31"/>
    <mergeCell ref="A20:B20"/>
    <mergeCell ref="C20:J20"/>
    <mergeCell ref="A21:B21"/>
    <mergeCell ref="A23:B23"/>
    <mergeCell ref="A22:B22"/>
    <mergeCell ref="C29:J29"/>
    <mergeCell ref="A26:B28"/>
    <mergeCell ref="D27:J27"/>
    <mergeCell ref="D26:J26"/>
    <mergeCell ref="C23:J23"/>
    <mergeCell ref="A29:B29"/>
    <mergeCell ref="C21:J21"/>
    <mergeCell ref="A1:J1"/>
    <mergeCell ref="A4:B4"/>
    <mergeCell ref="F4:G4"/>
    <mergeCell ref="H4:J4"/>
    <mergeCell ref="F3:G3"/>
    <mergeCell ref="A3:B3"/>
    <mergeCell ref="H3:J3"/>
    <mergeCell ref="A2:J2"/>
    <mergeCell ref="E17:F17"/>
    <mergeCell ref="H17:I17"/>
    <mergeCell ref="F15:G15"/>
    <mergeCell ref="H15:J15"/>
    <mergeCell ref="A18:B19"/>
    <mergeCell ref="C16:E16"/>
    <mergeCell ref="H16:J16"/>
    <mergeCell ref="F16:G16"/>
    <mergeCell ref="D5:E5"/>
    <mergeCell ref="C3:E3"/>
    <mergeCell ref="A7:B7"/>
    <mergeCell ref="C7:E7"/>
    <mergeCell ref="D28:J28"/>
    <mergeCell ref="A24:B24"/>
    <mergeCell ref="C24:J24"/>
    <mergeCell ref="H5:J5"/>
    <mergeCell ref="A5:B5"/>
    <mergeCell ref="F5:G5"/>
    <mergeCell ref="A6:B6"/>
    <mergeCell ref="C6:E6"/>
    <mergeCell ref="F6:G6"/>
    <mergeCell ref="H6:J6"/>
    <mergeCell ref="F7:G7"/>
    <mergeCell ref="H10:J10"/>
  </mergeCells>
  <phoneticPr fontId="1"/>
  <dataValidations count="22">
    <dataValidation type="list" allowBlank="1" showInputMessage="1" showErrorMessage="1" sqref="C3:E3">
      <formula1>"第1報, 第2報, 第3報, 第4報以降"</formula1>
    </dataValidation>
    <dataValidation type="list" allowBlank="1" showInputMessage="1" showErrorMessage="1" sqref="C16">
      <formula1>"施設内(室内), 施設内(室外・園庭等), 施設外(園外保育先・公園等)"</formula1>
    </dataValidation>
    <dataValidation type="list" allowBlank="1" showInputMessage="1" showErrorMessage="1" sqref="C20:J20">
      <formula1>"屋外活動中, 室内活動中, 睡眠中(うつぶせ寝), 睡眠中(うつぶせ寝以外), 食事中(おやつ含む), 水遊び・プール活動中, 登園・降園中, その他"</formula1>
    </dataValidation>
    <dataValidation type="list" allowBlank="1" showInputMessage="1" showErrorMessage="1" sqref="H15:J15">
      <formula1>"朝(始業～午前10時頃), 午前中, 昼食時・おやつ時, 午睡中, 午後, 夕方(16時頃～夕食提供前頃), 夜間・早朝(泊まり保育)"</formula1>
    </dataValidation>
    <dataValidation type="list" allowBlank="1" showInputMessage="1" showErrorMessage="1" sqref="C15">
      <formula1>"令和5年,令和6年,令和7年,令和8年,令和9年,令和10年,令和11年,令和12年,令和13年,令和14年,令和15年,令和16年,令和17年,令和18年,令和19年,令和20年"</formula1>
    </dataValidation>
    <dataValidation type="list" allowBlank="1" showInputMessage="1" showErrorMessage="1" sqref="D4 I7 D15 D11">
      <formula1>"1月,2月,3月,4月,5月,6月,7月,8月,9月,10月,11月,12月"</formula1>
    </dataValidation>
    <dataValidation type="list" allowBlank="1" showInputMessage="1" showErrorMessage="1" sqref="E4 J7 E15 E11">
      <formula1>"1日,2日,3日,4日,5日,6日,7日,8日,9日,10日,11日,12日,13日,14日,15日,16日,17日,18日,19日,20日,21日,22日,23日,24日,25日,26日,27日,28日,29日,30日,31日"</formula1>
    </dataValidation>
    <dataValidation type="list" allowBlank="1" showInputMessage="1" showErrorMessage="1" sqref="C4">
      <formula1>"令和6年,令和7年,令和8年,令和9年,令和10年,令和11年,令和12年,令和13年,令和14年,令和15年,令和16年,令和17年,令和18年,令和19年,令和20年"</formula1>
    </dataValidation>
    <dataValidation type="list" allowBlank="1" showInputMessage="1" showErrorMessage="1" sqref="H15:J15">
      <formula1>"幼保連携型認定こども園,幼稚園型認定こども園,保育所型,認定こども園, 地方裁量型認定こども園, 幼稚園, 認可保育所, 小規模保育事業, 家庭的保育事業, 居宅訪問型保育事業, 事業所内保育事業, 一時預かり事業, 病児保育事業, 企業主導型保育事業, 地方単独保育施設,その他の認可外保育施設, 認可外の居宅訪問型保育事業,放課後児童健全育成事業,子育て短期支援事業,子育て援助活動支援事業"</formula1>
    </dataValidation>
    <dataValidation type="list" allowBlank="1" showInputMessage="1" showErrorMessage="1" sqref="C6:E6">
      <formula1>"幼保連携型認定こども園,幼稚園型認定こども園,保育所型認定こども園, 地方裁量型認定こども園, 幼稚園, 認可保育所, 小規模保育事業, 家庭的保育事業, 居宅訪問型保育事業, 事業所内保育事業, 一時預かり事業, 病児保育事業,子育て援助活動支援事業(ﾌｧﾐﾘｰ･ｻﾎﾟｰﾄ･ｾﾝﾀｰ事業),子育て短期支援事業(ｼｮｰﾄｽﾃｲ),子育て短期支援事業(ﾄﾜｲﾗｲﾄｽﾃｲ),放課後児童健全育成事業(放課後児童クラブ),企業主導型保育施設,地方単独保育施設,その他の認可外保育施設,認可外の居宅訪問型保育事業"</formula1>
    </dataValidation>
    <dataValidation type="list" allowBlank="1" showInputMessage="1" showErrorMessage="1" sqref="C7:E7">
      <formula1>"認可,認可外,その他"</formula1>
    </dataValidation>
    <dataValidation type="list" allowBlank="1" showInputMessage="1" showErrorMessage="1" sqref="C21:J21">
      <formula1>"死亡,遊具等からの転落・落下,自らの転倒・衝突,こども同士の衝突,玩具・遊具等施設・設備の安全上の不備,他児からの危害,アナフィラキシー,溺水,その他"</formula1>
    </dataValidation>
    <dataValidation type="list" allowBlank="1" showInputMessage="1" showErrorMessage="1" sqref="C22:J22">
      <formula1>"負傷,死亡"</formula1>
    </dataValidation>
    <dataValidation type="list" allowBlank="1" showInputMessage="1" showErrorMessage="1" sqref="C11">
      <formula1>"平成30年,平成31年,令和元年,令和2年,令和3年,令和4年,令和5年,令和6年,令和7年,令和8年,令和9年,令和10年,令和11年,令和12年,令和13年,令和14年,令和15年,令和16年,令和17年,令和18年,令和19年,令和20年"</formula1>
    </dataValidation>
    <dataValidation type="list" allowBlank="1" showInputMessage="1" showErrorMessage="1" sqref="C10">
      <formula1>"0歳, 1歳, 2歳, 3歳, 4歳, 5歳, 6歳, 学童"</formula1>
    </dataValidation>
    <dataValidation type="list" allowBlank="1" showInputMessage="1" showErrorMessage="1" sqref="D10">
      <formula1>"0か月, 1か月, 2か月, 3か月, 4か月, 5か月, 6か月, 7か月, 8か月, 9か月, 10か月, 11か月,ー"</formula1>
    </dataValidation>
    <dataValidation type="list" allowBlank="1" showInputMessage="1" showErrorMessage="1" sqref="H11 H16">
      <formula1>"0歳児クラス,1歳児クラス,2歳児クラス,3歳児クラス,4歳児クラス,5歳以上児クラス,異年齢構成,学童"</formula1>
    </dataValidation>
    <dataValidation type="list" allowBlank="1" showInputMessage="1" showErrorMessage="1" sqref="C10">
      <formula1>"0歳,1歳,2歳,3歳,4歳,5歳,6歳,学童"</formula1>
    </dataValidation>
    <dataValidation type="list" allowBlank="1" showInputMessage="1" showErrorMessage="1" sqref="H10:J10">
      <formula1>"男,女"</formula1>
    </dataValidation>
    <dataValidation type="list" allowBlank="1" showInputMessage="1" showErrorMessage="1" sqref="C24:J24">
      <formula1>"頭部, 顔面(口腔内含む), 体幹(首・胸部・腹部・臀部), 上肢(腕・手・手指), 下肢(足・足指),ー"</formula1>
    </dataValidation>
    <dataValidation type="list" allowBlank="1" showInputMessage="1" showErrorMessage="1" sqref="C25:J25">
      <formula1>"意識不明, 骨折（重篤な障害が疑われるもの）,骨折（重篤な障害が疑われるもの以外）,火傷, 創傷(切創・裂傷等), 口腔内受傷, その他,ー"</formula1>
    </dataValidation>
    <dataValidation type="list" allowBlank="1" showInputMessage="1" showErrorMessage="1" sqref="C23:J23">
      <formula1>"乳幼児突然死症候群(SIDS), 窒息, 病死, 溺死, アナフィラキシーショック, その他,ー"</formula1>
    </dataValidation>
  </dataValidations>
  <pageMargins left="0.59055118110236227" right="0.39370078740157483" top="0.39370078740157483" bottom="0.19685039370078741" header="0" footer="0"/>
  <pageSetup paperSize="9" orientation="portrait" cellComments="asDisplayed" r:id="rId1"/>
  <headerFooter>
    <oddHeader>&amp;R&amp;"AR P丸ゴシック体E,標準"別添１　　</oddHeader>
  </headerFooter>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ﾌﾟﾙﾀﾞｳﾝ!A34:A81</xm:f>
          </x14:formula1>
          <xm:sqref>C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E4C9"/>
  </sheetPr>
  <dimension ref="A1:L44"/>
  <sheetViews>
    <sheetView view="pageBreakPreview" zoomScaleNormal="100" zoomScaleSheetLayoutView="100" workbookViewId="0">
      <selection activeCell="L37" sqref="L37"/>
    </sheetView>
  </sheetViews>
  <sheetFormatPr defaultColWidth="9" defaultRowHeight="12" x14ac:dyDescent="0.2"/>
  <cols>
    <col min="1" max="10" width="9.109375" style="1" customWidth="1"/>
    <col min="11" max="34" width="3.6640625" style="1" customWidth="1"/>
    <col min="35" max="16384" width="9" style="1"/>
  </cols>
  <sheetData>
    <row r="1" spans="1:12" ht="28.5" customHeight="1" thickBot="1" x14ac:dyDescent="0.25">
      <c r="A1" s="113" t="s">
        <v>0</v>
      </c>
      <c r="B1" s="113"/>
      <c r="C1" s="113"/>
      <c r="D1" s="113"/>
      <c r="E1" s="113"/>
      <c r="F1" s="113"/>
      <c r="G1" s="113"/>
      <c r="H1" s="113"/>
      <c r="I1" s="113"/>
      <c r="J1" s="113"/>
      <c r="L1" s="2"/>
    </row>
    <row r="2" spans="1:12" ht="24.9" customHeight="1" x14ac:dyDescent="0.2">
      <c r="A2" s="147" t="s">
        <v>43</v>
      </c>
      <c r="B2" s="126"/>
      <c r="C2" s="126"/>
      <c r="D2" s="126"/>
      <c r="E2" s="126"/>
      <c r="F2" s="126"/>
      <c r="G2" s="126"/>
      <c r="H2" s="126"/>
      <c r="I2" s="126"/>
      <c r="J2" s="127"/>
      <c r="L2" s="2"/>
    </row>
    <row r="3" spans="1:12" ht="24.9" customHeight="1" x14ac:dyDescent="0.2">
      <c r="A3" s="151" t="s">
        <v>44</v>
      </c>
      <c r="B3" s="89"/>
      <c r="C3" s="90"/>
      <c r="D3" s="212"/>
      <c r="E3" s="36" t="s">
        <v>45</v>
      </c>
      <c r="F3" s="74"/>
      <c r="G3" s="74"/>
      <c r="H3" s="74"/>
      <c r="I3" s="74"/>
      <c r="J3" s="75"/>
      <c r="L3" s="2"/>
    </row>
    <row r="4" spans="1:12" ht="24.9" customHeight="1" x14ac:dyDescent="0.2">
      <c r="A4" s="192" t="s">
        <v>46</v>
      </c>
      <c r="B4" s="117"/>
      <c r="C4" s="206"/>
      <c r="D4" s="207"/>
      <c r="E4" s="37" t="s">
        <v>47</v>
      </c>
      <c r="F4" s="38"/>
      <c r="G4" s="35" t="s">
        <v>45</v>
      </c>
      <c r="H4" s="73"/>
      <c r="I4" s="74"/>
      <c r="J4" s="75"/>
    </row>
    <row r="5" spans="1:12" ht="24.9" customHeight="1" x14ac:dyDescent="0.2">
      <c r="A5" s="192" t="s">
        <v>48</v>
      </c>
      <c r="B5" s="117"/>
      <c r="C5" s="90"/>
      <c r="D5" s="208"/>
      <c r="E5" s="36" t="s">
        <v>45</v>
      </c>
      <c r="F5" s="209"/>
      <c r="G5" s="210"/>
      <c r="H5" s="210"/>
      <c r="I5" s="210"/>
      <c r="J5" s="211"/>
    </row>
    <row r="6" spans="1:12" ht="24.9" customHeight="1" x14ac:dyDescent="0.2">
      <c r="A6" s="195" t="s">
        <v>49</v>
      </c>
      <c r="B6" s="196"/>
      <c r="C6" s="197"/>
      <c r="D6" s="198"/>
      <c r="E6" s="198"/>
      <c r="F6" s="198"/>
      <c r="G6" s="198"/>
      <c r="H6" s="198"/>
      <c r="I6" s="198"/>
      <c r="J6" s="199"/>
    </row>
    <row r="7" spans="1:12" ht="24.9" customHeight="1" thickBot="1" x14ac:dyDescent="0.25">
      <c r="A7" s="152" t="s">
        <v>50</v>
      </c>
      <c r="B7" s="153"/>
      <c r="C7" s="182"/>
      <c r="D7" s="183"/>
      <c r="E7" s="183"/>
      <c r="F7" s="183"/>
      <c r="G7" s="183"/>
      <c r="H7" s="183"/>
      <c r="I7" s="183"/>
      <c r="J7" s="184"/>
    </row>
    <row r="8" spans="1:12" ht="4.5" customHeight="1" thickBot="1" x14ac:dyDescent="0.25"/>
    <row r="9" spans="1:12" ht="24.9" customHeight="1" x14ac:dyDescent="0.2">
      <c r="A9" s="147" t="s">
        <v>51</v>
      </c>
      <c r="B9" s="126"/>
      <c r="C9" s="126"/>
      <c r="D9" s="126"/>
      <c r="E9" s="126"/>
      <c r="F9" s="126"/>
      <c r="G9" s="126"/>
      <c r="H9" s="126"/>
      <c r="I9" s="126"/>
      <c r="J9" s="127"/>
      <c r="L9" s="2"/>
    </row>
    <row r="10" spans="1:12" ht="24.9" customHeight="1" x14ac:dyDescent="0.2">
      <c r="A10" s="192" t="s">
        <v>52</v>
      </c>
      <c r="B10" s="117"/>
      <c r="C10" s="206"/>
      <c r="D10" s="207"/>
      <c r="E10" s="37" t="s">
        <v>47</v>
      </c>
      <c r="F10" s="38"/>
      <c r="G10" s="35" t="s">
        <v>45</v>
      </c>
      <c r="H10" s="73"/>
      <c r="I10" s="74"/>
      <c r="J10" s="75"/>
    </row>
    <row r="11" spans="1:12" ht="24.9" customHeight="1" x14ac:dyDescent="0.2">
      <c r="A11" s="192" t="s">
        <v>53</v>
      </c>
      <c r="B11" s="117"/>
      <c r="C11" s="206"/>
      <c r="D11" s="207"/>
      <c r="E11" s="37" t="s">
        <v>47</v>
      </c>
      <c r="F11" s="38"/>
      <c r="G11" s="35" t="s">
        <v>45</v>
      </c>
      <c r="H11" s="73"/>
      <c r="I11" s="74"/>
      <c r="J11" s="75"/>
    </row>
    <row r="12" spans="1:12" ht="24.9" customHeight="1" x14ac:dyDescent="0.2">
      <c r="A12" s="192" t="s">
        <v>54</v>
      </c>
      <c r="B12" s="117"/>
      <c r="C12" s="206"/>
      <c r="D12" s="207"/>
      <c r="E12" s="37" t="s">
        <v>47</v>
      </c>
      <c r="F12" s="38"/>
      <c r="G12" s="35" t="s">
        <v>45</v>
      </c>
      <c r="H12" s="73"/>
      <c r="I12" s="74"/>
      <c r="J12" s="75"/>
    </row>
    <row r="13" spans="1:12" ht="24.9" customHeight="1" x14ac:dyDescent="0.2">
      <c r="A13" s="195" t="s">
        <v>49</v>
      </c>
      <c r="B13" s="196"/>
      <c r="C13" s="197"/>
      <c r="D13" s="198"/>
      <c r="E13" s="198"/>
      <c r="F13" s="198"/>
      <c r="G13" s="198"/>
      <c r="H13" s="198"/>
      <c r="I13" s="198"/>
      <c r="J13" s="199"/>
    </row>
    <row r="14" spans="1:12" ht="24.9" customHeight="1" thickBot="1" x14ac:dyDescent="0.25">
      <c r="A14" s="152" t="s">
        <v>50</v>
      </c>
      <c r="B14" s="153"/>
      <c r="C14" s="182"/>
      <c r="D14" s="183"/>
      <c r="E14" s="183"/>
      <c r="F14" s="183"/>
      <c r="G14" s="183"/>
      <c r="H14" s="183"/>
      <c r="I14" s="183"/>
      <c r="J14" s="184"/>
    </row>
    <row r="15" spans="1:12" ht="4.5" customHeight="1" thickBot="1" x14ac:dyDescent="0.25"/>
    <row r="16" spans="1:12" ht="24.9" customHeight="1" x14ac:dyDescent="0.2">
      <c r="A16" s="147" t="s">
        <v>55</v>
      </c>
      <c r="B16" s="126"/>
      <c r="C16" s="126"/>
      <c r="D16" s="126"/>
      <c r="E16" s="126"/>
      <c r="F16" s="126"/>
      <c r="G16" s="126"/>
      <c r="H16" s="126"/>
      <c r="I16" s="126"/>
      <c r="J16" s="127"/>
      <c r="L16" s="2"/>
    </row>
    <row r="17" spans="1:12" ht="24.9" customHeight="1" x14ac:dyDescent="0.2">
      <c r="A17" s="151" t="s">
        <v>56</v>
      </c>
      <c r="B17" s="89"/>
      <c r="C17" s="193"/>
      <c r="D17" s="194"/>
      <c r="E17" s="39" t="s">
        <v>45</v>
      </c>
      <c r="F17" s="134"/>
      <c r="G17" s="134"/>
      <c r="H17" s="134"/>
      <c r="I17" s="134"/>
      <c r="J17" s="135"/>
      <c r="L17" s="2"/>
    </row>
    <row r="18" spans="1:12" ht="24.9" customHeight="1" x14ac:dyDescent="0.2">
      <c r="A18" s="195" t="s">
        <v>49</v>
      </c>
      <c r="B18" s="196"/>
      <c r="C18" s="197"/>
      <c r="D18" s="198"/>
      <c r="E18" s="198"/>
      <c r="F18" s="198"/>
      <c r="G18" s="198"/>
      <c r="H18" s="198"/>
      <c r="I18" s="198"/>
      <c r="J18" s="199"/>
    </row>
    <row r="19" spans="1:12" ht="24.9" customHeight="1" thickBot="1" x14ac:dyDescent="0.25">
      <c r="A19" s="152" t="s">
        <v>50</v>
      </c>
      <c r="B19" s="153"/>
      <c r="C19" s="182"/>
      <c r="D19" s="183"/>
      <c r="E19" s="183"/>
      <c r="F19" s="183"/>
      <c r="G19" s="183"/>
      <c r="H19" s="183"/>
      <c r="I19" s="183"/>
      <c r="J19" s="184"/>
    </row>
    <row r="20" spans="1:12" ht="4.5" customHeight="1" thickBot="1" x14ac:dyDescent="0.25"/>
    <row r="21" spans="1:12" ht="24.9" customHeight="1" x14ac:dyDescent="0.2">
      <c r="A21" s="147" t="s">
        <v>57</v>
      </c>
      <c r="B21" s="126"/>
      <c r="C21" s="126"/>
      <c r="D21" s="126"/>
      <c r="E21" s="126"/>
      <c r="F21" s="126"/>
      <c r="G21" s="126"/>
      <c r="H21" s="126"/>
      <c r="I21" s="126"/>
      <c r="J21" s="127"/>
      <c r="L21" s="2"/>
    </row>
    <row r="22" spans="1:12" ht="24.9" customHeight="1" x14ac:dyDescent="0.2">
      <c r="A22" s="151" t="s">
        <v>58</v>
      </c>
      <c r="B22" s="89"/>
      <c r="C22" s="215"/>
      <c r="D22" s="216"/>
      <c r="E22" s="39" t="s">
        <v>45</v>
      </c>
      <c r="F22" s="134"/>
      <c r="G22" s="134"/>
      <c r="H22" s="134"/>
      <c r="I22" s="134"/>
      <c r="J22" s="135"/>
      <c r="L22" s="2"/>
    </row>
    <row r="23" spans="1:12" ht="24.9" customHeight="1" x14ac:dyDescent="0.2">
      <c r="A23" s="151" t="s">
        <v>59</v>
      </c>
      <c r="B23" s="89"/>
      <c r="C23" s="217"/>
      <c r="D23" s="218"/>
      <c r="E23" s="36" t="s">
        <v>45</v>
      </c>
      <c r="F23" s="74"/>
      <c r="G23" s="74"/>
      <c r="H23" s="74"/>
      <c r="I23" s="74"/>
      <c r="J23" s="75"/>
      <c r="L23" s="2"/>
    </row>
    <row r="24" spans="1:12" ht="24.9" customHeight="1" x14ac:dyDescent="0.2">
      <c r="A24" s="151" t="s">
        <v>60</v>
      </c>
      <c r="B24" s="89"/>
      <c r="C24" s="217"/>
      <c r="D24" s="218"/>
      <c r="E24" s="36" t="s">
        <v>45</v>
      </c>
      <c r="F24" s="74"/>
      <c r="G24" s="74"/>
      <c r="H24" s="74"/>
      <c r="I24" s="74"/>
      <c r="J24" s="75"/>
      <c r="L24" s="2"/>
    </row>
    <row r="25" spans="1:12" ht="24.9" customHeight="1" x14ac:dyDescent="0.2">
      <c r="A25" s="195" t="s">
        <v>49</v>
      </c>
      <c r="B25" s="196"/>
      <c r="C25" s="197"/>
      <c r="D25" s="198"/>
      <c r="E25" s="198"/>
      <c r="F25" s="198"/>
      <c r="G25" s="198"/>
      <c r="H25" s="198"/>
      <c r="I25" s="198"/>
      <c r="J25" s="199"/>
    </row>
    <row r="26" spans="1:12" ht="24.9" customHeight="1" thickBot="1" x14ac:dyDescent="0.25">
      <c r="A26" s="152" t="s">
        <v>50</v>
      </c>
      <c r="B26" s="153"/>
      <c r="C26" s="182"/>
      <c r="D26" s="183"/>
      <c r="E26" s="183"/>
      <c r="F26" s="183"/>
      <c r="G26" s="183"/>
      <c r="H26" s="183"/>
      <c r="I26" s="183"/>
      <c r="J26" s="184"/>
    </row>
    <row r="27" spans="1:12" ht="4.5" customHeight="1" thickBot="1" x14ac:dyDescent="0.25"/>
    <row r="28" spans="1:12" ht="24.9" customHeight="1" x14ac:dyDescent="0.2">
      <c r="A28" s="203" t="s">
        <v>61</v>
      </c>
      <c r="B28" s="204"/>
      <c r="C28" s="204"/>
      <c r="D28" s="204"/>
      <c r="E28" s="204"/>
      <c r="F28" s="204"/>
      <c r="G28" s="204"/>
      <c r="H28" s="204"/>
      <c r="I28" s="204"/>
      <c r="J28" s="205"/>
      <c r="L28" s="2"/>
    </row>
    <row r="29" spans="1:12" ht="48.75" customHeight="1" thickBot="1" x14ac:dyDescent="0.25">
      <c r="A29" s="200"/>
      <c r="B29" s="201"/>
      <c r="C29" s="201"/>
      <c r="D29" s="201"/>
      <c r="E29" s="201"/>
      <c r="F29" s="201"/>
      <c r="G29" s="201"/>
      <c r="H29" s="201"/>
      <c r="I29" s="201"/>
      <c r="J29" s="202"/>
    </row>
    <row r="30" spans="1:12" ht="4.5" customHeight="1" thickBot="1" x14ac:dyDescent="0.25"/>
    <row r="31" spans="1:12" x14ac:dyDescent="0.2">
      <c r="A31" s="179" t="s">
        <v>62</v>
      </c>
      <c r="B31" s="180"/>
      <c r="C31" s="180"/>
      <c r="D31" s="180"/>
      <c r="E31" s="180"/>
      <c r="F31" s="180"/>
      <c r="G31" s="180"/>
      <c r="H31" s="180"/>
      <c r="I31" s="180"/>
      <c r="J31" s="181"/>
    </row>
    <row r="32" spans="1:12" ht="12" customHeight="1" x14ac:dyDescent="0.2">
      <c r="A32" s="176" t="s">
        <v>63</v>
      </c>
      <c r="B32" s="177"/>
      <c r="C32" s="177"/>
      <c r="D32" s="177"/>
      <c r="E32" s="178"/>
      <c r="F32" s="161" t="s">
        <v>292</v>
      </c>
      <c r="G32" s="162"/>
      <c r="H32" s="162"/>
      <c r="I32" s="162"/>
      <c r="J32" s="163"/>
    </row>
    <row r="33" spans="1:10" x14ac:dyDescent="0.2">
      <c r="A33" s="176"/>
      <c r="B33" s="177"/>
      <c r="C33" s="177"/>
      <c r="D33" s="177"/>
      <c r="E33" s="178"/>
      <c r="F33" s="164" t="s">
        <v>312</v>
      </c>
      <c r="G33" s="165"/>
      <c r="H33" s="165"/>
      <c r="I33" s="165"/>
      <c r="J33" s="166"/>
    </row>
    <row r="34" spans="1:10" x14ac:dyDescent="0.2">
      <c r="A34" s="176"/>
      <c r="B34" s="177"/>
      <c r="C34" s="177"/>
      <c r="D34" s="177"/>
      <c r="E34" s="178"/>
      <c r="F34" s="161" t="s">
        <v>293</v>
      </c>
      <c r="G34" s="174"/>
      <c r="H34" s="174"/>
      <c r="I34" s="174"/>
      <c r="J34" s="163"/>
    </row>
    <row r="35" spans="1:10" x14ac:dyDescent="0.2">
      <c r="A35" s="185" t="s">
        <v>311</v>
      </c>
      <c r="B35" s="186"/>
      <c r="C35" s="186"/>
      <c r="D35" s="186"/>
      <c r="E35" s="187"/>
      <c r="F35" s="164" t="s">
        <v>313</v>
      </c>
      <c r="G35" s="165"/>
      <c r="H35" s="165"/>
      <c r="I35" s="165"/>
      <c r="J35" s="166"/>
    </row>
    <row r="36" spans="1:10" x14ac:dyDescent="0.2">
      <c r="A36" s="173" t="s">
        <v>64</v>
      </c>
      <c r="B36" s="174"/>
      <c r="C36" s="174"/>
      <c r="D36" s="174"/>
      <c r="E36" s="175"/>
      <c r="F36" s="161" t="s">
        <v>294</v>
      </c>
      <c r="G36" s="162"/>
      <c r="H36" s="162"/>
      <c r="I36" s="162"/>
      <c r="J36" s="163"/>
    </row>
    <row r="37" spans="1:10" x14ac:dyDescent="0.2">
      <c r="A37" s="185" t="s">
        <v>316</v>
      </c>
      <c r="B37" s="191"/>
      <c r="C37" s="191"/>
      <c r="D37" s="191"/>
      <c r="E37" s="187"/>
      <c r="F37" s="164" t="s">
        <v>314</v>
      </c>
      <c r="G37" s="165"/>
      <c r="H37" s="165"/>
      <c r="I37" s="165"/>
      <c r="J37" s="166"/>
    </row>
    <row r="38" spans="1:10" x14ac:dyDescent="0.2">
      <c r="A38" s="171" t="s">
        <v>317</v>
      </c>
      <c r="B38" s="165"/>
      <c r="C38" s="165"/>
      <c r="D38" s="165"/>
      <c r="E38" s="172"/>
      <c r="F38" s="167"/>
      <c r="G38" s="168"/>
      <c r="H38" s="168"/>
      <c r="I38" s="168"/>
      <c r="J38" s="169"/>
    </row>
    <row r="39" spans="1:10" x14ac:dyDescent="0.2">
      <c r="A39" s="173" t="s">
        <v>291</v>
      </c>
      <c r="B39" s="174"/>
      <c r="C39" s="174"/>
      <c r="D39" s="174"/>
      <c r="E39" s="175"/>
      <c r="F39" s="164"/>
      <c r="G39" s="165"/>
      <c r="H39" s="165"/>
      <c r="I39" s="165"/>
      <c r="J39" s="166"/>
    </row>
    <row r="40" spans="1:10" x14ac:dyDescent="0.2">
      <c r="A40" s="185" t="s">
        <v>316</v>
      </c>
      <c r="B40" s="191"/>
      <c r="C40" s="191"/>
      <c r="D40" s="191"/>
      <c r="E40" s="187"/>
      <c r="F40" s="188"/>
      <c r="G40" s="189"/>
      <c r="H40" s="189"/>
      <c r="I40" s="189"/>
      <c r="J40" s="190"/>
    </row>
    <row r="41" spans="1:10" ht="12.6" thickBot="1" x14ac:dyDescent="0.25">
      <c r="A41" s="158" t="s">
        <v>318</v>
      </c>
      <c r="B41" s="159"/>
      <c r="C41" s="159"/>
      <c r="D41" s="159"/>
      <c r="E41" s="170"/>
      <c r="F41" s="164"/>
      <c r="G41" s="165"/>
      <c r="H41" s="165"/>
      <c r="I41" s="165"/>
      <c r="J41" s="166"/>
    </row>
    <row r="42" spans="1:10" x14ac:dyDescent="0.2">
      <c r="A42" s="179" t="s">
        <v>65</v>
      </c>
      <c r="B42" s="180"/>
      <c r="C42" s="180"/>
      <c r="D42" s="180"/>
      <c r="E42" s="180"/>
      <c r="F42" s="180"/>
      <c r="G42" s="180"/>
      <c r="H42" s="180"/>
      <c r="I42" s="180"/>
      <c r="J42" s="181"/>
    </row>
    <row r="43" spans="1:10" ht="12" customHeight="1" thickBot="1" x14ac:dyDescent="0.25">
      <c r="A43" s="158" t="s">
        <v>295</v>
      </c>
      <c r="B43" s="159"/>
      <c r="C43" s="159"/>
      <c r="D43" s="159"/>
      <c r="E43" s="159"/>
      <c r="F43" s="159"/>
      <c r="G43" s="159"/>
      <c r="H43" s="159"/>
      <c r="I43" s="159"/>
      <c r="J43" s="160"/>
    </row>
    <row r="44" spans="1:10" ht="30" customHeight="1" x14ac:dyDescent="0.2">
      <c r="A44" s="213" t="s">
        <v>319</v>
      </c>
      <c r="B44" s="214"/>
      <c r="C44" s="214"/>
      <c r="D44" s="214"/>
      <c r="E44" s="214"/>
      <c r="F44" s="214"/>
      <c r="G44" s="214"/>
      <c r="H44" s="214"/>
      <c r="I44" s="214"/>
      <c r="J44" s="214"/>
    </row>
  </sheetData>
  <mergeCells count="75">
    <mergeCell ref="A44:J44"/>
    <mergeCell ref="A16:J16"/>
    <mergeCell ref="A11:B11"/>
    <mergeCell ref="C11:D11"/>
    <mergeCell ref="A13:B13"/>
    <mergeCell ref="C13:J13"/>
    <mergeCell ref="C22:D22"/>
    <mergeCell ref="F22:J22"/>
    <mergeCell ref="F24:J24"/>
    <mergeCell ref="A25:B25"/>
    <mergeCell ref="C25:J25"/>
    <mergeCell ref="F23:J23"/>
    <mergeCell ref="A24:B24"/>
    <mergeCell ref="C24:D24"/>
    <mergeCell ref="A23:B23"/>
    <mergeCell ref="C23:D23"/>
    <mergeCell ref="A1:J1"/>
    <mergeCell ref="A2:J2"/>
    <mergeCell ref="A3:B3"/>
    <mergeCell ref="C3:D3"/>
    <mergeCell ref="F3:J3"/>
    <mergeCell ref="C4:D4"/>
    <mergeCell ref="C5:D5"/>
    <mergeCell ref="F5:J5"/>
    <mergeCell ref="A12:B12"/>
    <mergeCell ref="C12:D12"/>
    <mergeCell ref="H12:J12"/>
    <mergeCell ref="A10:B10"/>
    <mergeCell ref="C10:D10"/>
    <mergeCell ref="H10:J10"/>
    <mergeCell ref="A9:J9"/>
    <mergeCell ref="H11:J11"/>
    <mergeCell ref="A6:B6"/>
    <mergeCell ref="A7:B7"/>
    <mergeCell ref="H4:J4"/>
    <mergeCell ref="A5:B5"/>
    <mergeCell ref="C6:J6"/>
    <mergeCell ref="C7:J7"/>
    <mergeCell ref="A4:B4"/>
    <mergeCell ref="A31:J31"/>
    <mergeCell ref="A14:B14"/>
    <mergeCell ref="C14:J14"/>
    <mergeCell ref="C17:D17"/>
    <mergeCell ref="F17:J17"/>
    <mergeCell ref="A18:B18"/>
    <mergeCell ref="C18:J18"/>
    <mergeCell ref="A17:B17"/>
    <mergeCell ref="A29:J29"/>
    <mergeCell ref="A21:J21"/>
    <mergeCell ref="A28:J28"/>
    <mergeCell ref="A19:B19"/>
    <mergeCell ref="C19:J19"/>
    <mergeCell ref="A22:B22"/>
    <mergeCell ref="A26:B26"/>
    <mergeCell ref="C26:J26"/>
    <mergeCell ref="A35:E35"/>
    <mergeCell ref="A36:E36"/>
    <mergeCell ref="F40:J40"/>
    <mergeCell ref="A37:E37"/>
    <mergeCell ref="A40:E40"/>
    <mergeCell ref="A43:J43"/>
    <mergeCell ref="F32:J32"/>
    <mergeCell ref="F33:J33"/>
    <mergeCell ref="F35:J35"/>
    <mergeCell ref="F36:J36"/>
    <mergeCell ref="F37:J37"/>
    <mergeCell ref="F38:J38"/>
    <mergeCell ref="F39:J39"/>
    <mergeCell ref="F41:J41"/>
    <mergeCell ref="A41:E41"/>
    <mergeCell ref="A38:E38"/>
    <mergeCell ref="A39:E39"/>
    <mergeCell ref="A32:E34"/>
    <mergeCell ref="A42:J42"/>
    <mergeCell ref="F34:J34"/>
  </mergeCells>
  <phoneticPr fontId="1"/>
  <dataValidations count="8">
    <dataValidation type="list" allowBlank="1" showInputMessage="1" showErrorMessage="1" sqref="C3:D3">
      <formula1>"あり,なし"</formula1>
    </dataValidation>
    <dataValidation type="list" allowBlank="1" showInputMessage="1" showErrorMessage="1" sqref="C4">
      <formula1>"定期的に実施, 不定期に実施, 未実施"</formula1>
    </dataValidation>
    <dataValidation type="list" allowBlank="1" showInputMessage="1" showErrorMessage="1" sqref="C5:D5">
      <formula1>"基準以上配置,基準配置,基準以下"</formula1>
    </dataValidation>
    <dataValidation type="list" allowBlank="1" showInputMessage="1" showErrorMessage="1" sqref="C10:D12">
      <formula1>"定期的に実施, 不定期に実施, 未実施,ー"</formula1>
    </dataValidation>
    <dataValidation type="list" allowBlank="1" showInputMessage="1" showErrorMessage="1" sqref="C17">
      <formula1>"集団活動中・見守りあり,集団活動中・こどもたちのみ,個人活動中・見守りあり, 個人活動中・こどものみ, 睡眠(午睡)中, 食事(おやつ)中, その他"</formula1>
    </dataValidation>
    <dataValidation type="list" allowBlank="1" showInputMessage="1" showErrorMessage="1" sqref="C22">
      <formula1>"いつもどおりの様子であった, いつもより元気がなかった, いつもより活発・活動的であった, 具合が悪かった(熱発・腹痛・風邪気味等)"</formula1>
    </dataValidation>
    <dataValidation type="list" allowBlank="1" showInputMessage="1" showErrorMessage="1" sqref="C23">
      <formula1>"対象児とマンツーマンの状態(対象児に接していた), 対象児の至近で対象児を見ていた, 対象児から離れたところで対象児を見ていた, 対象児の動きを見ていなかった"</formula1>
    </dataValidation>
    <dataValidation type="list" allowBlank="1" showInputMessage="1" showErrorMessage="1" sqref="C24:D24">
      <formula1>"担当者・対象児の動きを見ていた(至近距離にいた), 担当者・対象児の動きを見ていなかった,ー"</formula1>
    </dataValidation>
  </dataValidations>
  <pageMargins left="0.59055118110236227" right="0.39370078740157483" top="0.39370078740157483" bottom="0.39370078740157483" header="0" footer="0"/>
  <pageSetup paperSize="9" orientation="portrait" cellComments="asDisplayed"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sheetPr>
  <dimension ref="A1:L31"/>
  <sheetViews>
    <sheetView view="pageBreakPreview" zoomScaleNormal="100" zoomScaleSheetLayoutView="100" workbookViewId="0">
      <selection activeCell="N31" sqref="N31"/>
    </sheetView>
  </sheetViews>
  <sheetFormatPr defaultColWidth="9" defaultRowHeight="12" x14ac:dyDescent="0.2"/>
  <cols>
    <col min="1" max="10" width="9.109375" style="1" customWidth="1"/>
    <col min="11" max="34" width="3.6640625" style="1" customWidth="1"/>
    <col min="35" max="16384" width="9" style="1"/>
  </cols>
  <sheetData>
    <row r="1" spans="1:12" ht="28.5" customHeight="1" thickBot="1" x14ac:dyDescent="0.25">
      <c r="A1" s="113" t="s">
        <v>66</v>
      </c>
      <c r="B1" s="113"/>
      <c r="C1" s="113"/>
      <c r="D1" s="113"/>
      <c r="E1" s="113"/>
      <c r="F1" s="113"/>
      <c r="G1" s="113"/>
      <c r="H1" s="113"/>
      <c r="I1" s="113"/>
      <c r="J1" s="113"/>
      <c r="L1" s="2"/>
    </row>
    <row r="2" spans="1:12" ht="24.9" customHeight="1" thickBot="1" x14ac:dyDescent="0.25">
      <c r="A2" s="124" t="s">
        <v>1</v>
      </c>
      <c r="B2" s="125"/>
      <c r="C2" s="125"/>
      <c r="D2" s="125"/>
      <c r="E2" s="125"/>
      <c r="F2" s="126"/>
      <c r="G2" s="126"/>
      <c r="H2" s="126"/>
      <c r="I2" s="126"/>
      <c r="J2" s="127"/>
      <c r="L2" s="2"/>
    </row>
    <row r="3" spans="1:12" ht="24.9" customHeight="1" x14ac:dyDescent="0.2">
      <c r="A3" s="119" t="s">
        <v>2</v>
      </c>
      <c r="B3" s="120"/>
      <c r="C3" s="66" t="s">
        <v>67</v>
      </c>
      <c r="D3" s="67"/>
      <c r="E3" s="68"/>
      <c r="F3" s="118" t="s">
        <v>3</v>
      </c>
      <c r="G3" s="85"/>
      <c r="H3" s="121" t="s">
        <v>68</v>
      </c>
      <c r="I3" s="122"/>
      <c r="J3" s="123"/>
      <c r="L3" s="2"/>
    </row>
    <row r="4" spans="1:12" ht="24.9" customHeight="1" x14ac:dyDescent="0.2">
      <c r="A4" s="114" t="s">
        <v>4</v>
      </c>
      <c r="B4" s="115"/>
      <c r="C4" s="31" t="s">
        <v>69</v>
      </c>
      <c r="D4" s="32" t="s">
        <v>70</v>
      </c>
      <c r="E4" s="33" t="s">
        <v>71</v>
      </c>
      <c r="F4" s="116" t="s">
        <v>286</v>
      </c>
      <c r="G4" s="117"/>
      <c r="H4" s="90" t="s">
        <v>72</v>
      </c>
      <c r="I4" s="91"/>
      <c r="J4" s="92"/>
    </row>
    <row r="5" spans="1:12" ht="24.9" customHeight="1" thickBot="1" x14ac:dyDescent="0.25">
      <c r="A5" s="80" t="s">
        <v>5</v>
      </c>
      <c r="B5" s="81"/>
      <c r="C5" s="34" t="s">
        <v>73</v>
      </c>
      <c r="D5" s="64" t="s">
        <v>74</v>
      </c>
      <c r="E5" s="65"/>
      <c r="F5" s="82" t="s">
        <v>287</v>
      </c>
      <c r="G5" s="83"/>
      <c r="H5" s="78" t="s">
        <v>305</v>
      </c>
      <c r="I5" s="78"/>
      <c r="J5" s="79"/>
    </row>
    <row r="6" spans="1:12" ht="24.9" customHeight="1" x14ac:dyDescent="0.2">
      <c r="A6" s="84" t="s">
        <v>6</v>
      </c>
      <c r="B6" s="85"/>
      <c r="C6" s="86" t="s">
        <v>75</v>
      </c>
      <c r="D6" s="87"/>
      <c r="E6" s="87"/>
      <c r="F6" s="88" t="s">
        <v>288</v>
      </c>
      <c r="G6" s="89"/>
      <c r="H6" s="90" t="s">
        <v>306</v>
      </c>
      <c r="I6" s="91"/>
      <c r="J6" s="92"/>
    </row>
    <row r="7" spans="1:12" ht="24.9" customHeight="1" thickBot="1" x14ac:dyDescent="0.25">
      <c r="A7" s="69" t="s">
        <v>7</v>
      </c>
      <c r="B7" s="70"/>
      <c r="C7" s="71" t="s">
        <v>76</v>
      </c>
      <c r="D7" s="72"/>
      <c r="E7" s="72"/>
      <c r="F7" s="93" t="s">
        <v>8</v>
      </c>
      <c r="G7" s="94"/>
      <c r="H7" s="55" t="s">
        <v>77</v>
      </c>
      <c r="I7" s="56" t="s">
        <v>78</v>
      </c>
      <c r="J7" s="57" t="s">
        <v>79</v>
      </c>
    </row>
    <row r="8" spans="1:12" ht="4.5" customHeight="1" thickBot="1" x14ac:dyDescent="0.25"/>
    <row r="9" spans="1:12" ht="24.9" customHeight="1" x14ac:dyDescent="0.2">
      <c r="A9" s="147" t="s">
        <v>9</v>
      </c>
      <c r="B9" s="126"/>
      <c r="C9" s="126"/>
      <c r="D9" s="126"/>
      <c r="E9" s="126"/>
      <c r="F9" s="126"/>
      <c r="G9" s="126"/>
      <c r="H9" s="126"/>
      <c r="I9" s="126"/>
      <c r="J9" s="127"/>
      <c r="L9" s="2"/>
    </row>
    <row r="10" spans="1:12" ht="24.9" customHeight="1" x14ac:dyDescent="0.2">
      <c r="A10" s="76" t="s">
        <v>10</v>
      </c>
      <c r="B10" s="77"/>
      <c r="C10" s="21" t="s">
        <v>80</v>
      </c>
      <c r="D10" s="16" t="s">
        <v>81</v>
      </c>
      <c r="E10" s="40"/>
      <c r="F10" s="150" t="s">
        <v>11</v>
      </c>
      <c r="G10" s="83"/>
      <c r="H10" s="95" t="s">
        <v>82</v>
      </c>
      <c r="I10" s="96"/>
      <c r="J10" s="97"/>
    </row>
    <row r="11" spans="1:12" ht="24.9" customHeight="1" x14ac:dyDescent="0.2">
      <c r="A11" s="76" t="s">
        <v>12</v>
      </c>
      <c r="B11" s="89"/>
      <c r="C11" s="18" t="s">
        <v>83</v>
      </c>
      <c r="D11" s="19" t="s">
        <v>78</v>
      </c>
      <c r="E11" s="20" t="s">
        <v>79</v>
      </c>
      <c r="F11" s="102" t="s">
        <v>13</v>
      </c>
      <c r="G11" s="89"/>
      <c r="H11" s="111" t="s">
        <v>84</v>
      </c>
      <c r="I11" s="111"/>
      <c r="J11" s="112"/>
    </row>
    <row r="12" spans="1:12" ht="34.5" customHeight="1" thickBot="1" x14ac:dyDescent="0.25">
      <c r="A12" s="152" t="s">
        <v>14</v>
      </c>
      <c r="B12" s="153"/>
      <c r="C12" s="219" t="s">
        <v>85</v>
      </c>
      <c r="D12" s="220"/>
      <c r="E12" s="220"/>
      <c r="F12" s="220"/>
      <c r="G12" s="220"/>
      <c r="H12" s="220"/>
      <c r="I12" s="220"/>
      <c r="J12" s="221"/>
    </row>
    <row r="13" spans="1:12" ht="4.5" customHeight="1" thickBot="1" x14ac:dyDescent="0.25"/>
    <row r="14" spans="1:12" ht="24.9" customHeight="1" x14ac:dyDescent="0.2">
      <c r="A14" s="147" t="s">
        <v>15</v>
      </c>
      <c r="B14" s="126"/>
      <c r="C14" s="126"/>
      <c r="D14" s="126"/>
      <c r="E14" s="126"/>
      <c r="F14" s="126"/>
      <c r="G14" s="126"/>
      <c r="H14" s="126"/>
      <c r="I14" s="126"/>
      <c r="J14" s="127"/>
      <c r="L14" s="2"/>
    </row>
    <row r="15" spans="1:12" ht="24.9" customHeight="1" x14ac:dyDescent="0.2">
      <c r="A15" s="151" t="s">
        <v>16</v>
      </c>
      <c r="B15" s="89"/>
      <c r="C15" s="18" t="s">
        <v>69</v>
      </c>
      <c r="D15" s="19" t="s">
        <v>70</v>
      </c>
      <c r="E15" s="20" t="s">
        <v>71</v>
      </c>
      <c r="F15" s="102" t="s">
        <v>17</v>
      </c>
      <c r="G15" s="89"/>
      <c r="H15" s="103" t="s">
        <v>86</v>
      </c>
      <c r="I15" s="103"/>
      <c r="J15" s="104"/>
    </row>
    <row r="16" spans="1:12" ht="24.9" customHeight="1" x14ac:dyDescent="0.2">
      <c r="A16" s="151" t="s">
        <v>18</v>
      </c>
      <c r="B16" s="89"/>
      <c r="C16" s="109" t="s">
        <v>87</v>
      </c>
      <c r="D16" s="103"/>
      <c r="E16" s="110"/>
      <c r="F16" s="102" t="s">
        <v>19</v>
      </c>
      <c r="G16" s="89"/>
      <c r="H16" s="111" t="s">
        <v>88</v>
      </c>
      <c r="I16" s="111"/>
      <c r="J16" s="112"/>
    </row>
    <row r="17" spans="1:10" ht="24.9" customHeight="1" x14ac:dyDescent="0.2">
      <c r="A17" s="156" t="s">
        <v>20</v>
      </c>
      <c r="B17" s="157"/>
      <c r="C17" s="148">
        <v>10</v>
      </c>
      <c r="D17" s="149"/>
      <c r="E17" s="98" t="s">
        <v>21</v>
      </c>
      <c r="F17" s="99"/>
      <c r="G17" s="17">
        <v>3</v>
      </c>
      <c r="H17" s="100" t="s">
        <v>22</v>
      </c>
      <c r="I17" s="101"/>
      <c r="J17" s="22">
        <v>1</v>
      </c>
    </row>
    <row r="18" spans="1:10" ht="10.5" customHeight="1" x14ac:dyDescent="0.2">
      <c r="A18" s="222" t="s">
        <v>307</v>
      </c>
      <c r="B18" s="223"/>
      <c r="C18" s="25" t="s">
        <v>23</v>
      </c>
      <c r="D18" s="25" t="s">
        <v>24</v>
      </c>
      <c r="E18" s="25" t="s">
        <v>25</v>
      </c>
      <c r="F18" s="28" t="s">
        <v>26</v>
      </c>
      <c r="G18" s="25" t="s">
        <v>27</v>
      </c>
      <c r="H18" s="25" t="s">
        <v>28</v>
      </c>
      <c r="I18" s="25" t="s">
        <v>29</v>
      </c>
      <c r="J18" s="29" t="s">
        <v>30</v>
      </c>
    </row>
    <row r="19" spans="1:10" ht="24.9" customHeight="1" x14ac:dyDescent="0.2">
      <c r="A19" s="224"/>
      <c r="B19" s="225"/>
      <c r="C19" s="26">
        <v>0</v>
      </c>
      <c r="D19" s="26">
        <v>0</v>
      </c>
      <c r="E19" s="26">
        <v>3</v>
      </c>
      <c r="F19" s="27">
        <v>3</v>
      </c>
      <c r="G19" s="26">
        <v>4</v>
      </c>
      <c r="H19" s="27">
        <v>0</v>
      </c>
      <c r="I19" s="26">
        <v>0</v>
      </c>
      <c r="J19" s="30">
        <v>0</v>
      </c>
    </row>
    <row r="20" spans="1:10" ht="24.9" customHeight="1" x14ac:dyDescent="0.2">
      <c r="A20" s="133" t="s">
        <v>31</v>
      </c>
      <c r="B20" s="83"/>
      <c r="C20" s="134" t="s">
        <v>89</v>
      </c>
      <c r="D20" s="134"/>
      <c r="E20" s="134"/>
      <c r="F20" s="134"/>
      <c r="G20" s="134"/>
      <c r="H20" s="134"/>
      <c r="I20" s="134"/>
      <c r="J20" s="135"/>
    </row>
    <row r="21" spans="1:10" ht="24.9" customHeight="1" x14ac:dyDescent="0.2">
      <c r="A21" s="76" t="s">
        <v>32</v>
      </c>
      <c r="B21" s="77"/>
      <c r="C21" s="73" t="s">
        <v>90</v>
      </c>
      <c r="D21" s="74"/>
      <c r="E21" s="74"/>
      <c r="F21" s="74"/>
      <c r="G21" s="74"/>
      <c r="H21" s="74"/>
      <c r="I21" s="74"/>
      <c r="J21" s="75"/>
    </row>
    <row r="22" spans="1:10" ht="24.9" customHeight="1" x14ac:dyDescent="0.2">
      <c r="A22" s="76" t="s">
        <v>33</v>
      </c>
      <c r="B22" s="77"/>
      <c r="C22" s="73" t="s">
        <v>90</v>
      </c>
      <c r="D22" s="74"/>
      <c r="E22" s="74"/>
      <c r="F22" s="74"/>
      <c r="G22" s="74"/>
      <c r="H22" s="74"/>
      <c r="I22" s="74"/>
      <c r="J22" s="75"/>
    </row>
    <row r="23" spans="1:10" ht="24.9" customHeight="1" x14ac:dyDescent="0.2">
      <c r="A23" s="76" t="s">
        <v>34</v>
      </c>
      <c r="B23" s="77"/>
      <c r="C23" s="73" t="s">
        <v>303</v>
      </c>
      <c r="D23" s="74"/>
      <c r="E23" s="74"/>
      <c r="F23" s="74"/>
      <c r="G23" s="74"/>
      <c r="H23" s="74"/>
      <c r="I23" s="74"/>
      <c r="J23" s="75"/>
    </row>
    <row r="24" spans="1:10" ht="24.9" customHeight="1" x14ac:dyDescent="0.2">
      <c r="A24" s="76" t="s">
        <v>35</v>
      </c>
      <c r="B24" s="77"/>
      <c r="C24" s="226" t="s">
        <v>304</v>
      </c>
      <c r="D24" s="226"/>
      <c r="E24" s="226"/>
      <c r="F24" s="226"/>
      <c r="G24" s="226"/>
      <c r="H24" s="226"/>
      <c r="I24" s="226"/>
      <c r="J24" s="227"/>
    </row>
    <row r="25" spans="1:10" ht="24.9" customHeight="1" x14ac:dyDescent="0.2">
      <c r="A25" s="76" t="s">
        <v>36</v>
      </c>
      <c r="B25" s="77"/>
      <c r="C25" s="226" t="s">
        <v>304</v>
      </c>
      <c r="D25" s="226"/>
      <c r="E25" s="226"/>
      <c r="F25" s="226"/>
      <c r="G25" s="226"/>
      <c r="H25" s="226"/>
      <c r="I25" s="226"/>
      <c r="J25" s="227"/>
    </row>
    <row r="26" spans="1:10" ht="24.9" customHeight="1" x14ac:dyDescent="0.2">
      <c r="A26" s="138" t="s">
        <v>37</v>
      </c>
      <c r="B26" s="139"/>
      <c r="C26" s="23" t="s">
        <v>38</v>
      </c>
      <c r="D26" s="230" t="s">
        <v>91</v>
      </c>
      <c r="E26" s="230"/>
      <c r="F26" s="230"/>
      <c r="G26" s="230"/>
      <c r="H26" s="230"/>
      <c r="I26" s="230"/>
      <c r="J26" s="231"/>
    </row>
    <row r="27" spans="1:10" ht="24.9" customHeight="1" x14ac:dyDescent="0.2">
      <c r="A27" s="140"/>
      <c r="B27" s="141"/>
      <c r="C27" s="23" t="s">
        <v>39</v>
      </c>
      <c r="D27" s="230" t="s">
        <v>92</v>
      </c>
      <c r="E27" s="230"/>
      <c r="F27" s="230"/>
      <c r="G27" s="230"/>
      <c r="H27" s="230"/>
      <c r="I27" s="230"/>
      <c r="J27" s="231"/>
    </row>
    <row r="28" spans="1:10" ht="24.9" customHeight="1" x14ac:dyDescent="0.2">
      <c r="A28" s="82"/>
      <c r="B28" s="142"/>
      <c r="C28" s="24" t="s">
        <v>40</v>
      </c>
      <c r="D28" s="73" t="s">
        <v>93</v>
      </c>
      <c r="E28" s="74"/>
      <c r="F28" s="74"/>
      <c r="G28" s="74"/>
      <c r="H28" s="74"/>
      <c r="I28" s="74"/>
      <c r="J28" s="75"/>
    </row>
    <row r="29" spans="1:10" ht="99.9" customHeight="1" x14ac:dyDescent="0.2">
      <c r="A29" s="145" t="s">
        <v>41</v>
      </c>
      <c r="B29" s="146"/>
      <c r="C29" s="232" t="s">
        <v>94</v>
      </c>
      <c r="D29" s="232"/>
      <c r="E29" s="232"/>
      <c r="F29" s="232"/>
      <c r="G29" s="232"/>
      <c r="H29" s="232"/>
      <c r="I29" s="232"/>
      <c r="J29" s="233"/>
    </row>
    <row r="30" spans="1:10" ht="36.75" customHeight="1" thickBot="1" x14ac:dyDescent="0.25">
      <c r="A30" s="128" t="s">
        <v>42</v>
      </c>
      <c r="B30" s="129"/>
      <c r="C30" s="228" t="s">
        <v>309</v>
      </c>
      <c r="D30" s="228"/>
      <c r="E30" s="228"/>
      <c r="F30" s="228"/>
      <c r="G30" s="228"/>
      <c r="H30" s="228"/>
      <c r="I30" s="228"/>
      <c r="J30" s="229"/>
    </row>
    <row r="31" spans="1:10" ht="90.75" customHeight="1" x14ac:dyDescent="0.2">
      <c r="A31" s="132" t="s">
        <v>322</v>
      </c>
      <c r="B31" s="132"/>
      <c r="C31" s="132"/>
      <c r="D31" s="132"/>
      <c r="E31" s="132"/>
      <c r="F31" s="132"/>
      <c r="G31" s="132"/>
      <c r="H31" s="132"/>
      <c r="I31" s="132"/>
      <c r="J31" s="132"/>
    </row>
  </sheetData>
  <mergeCells count="63">
    <mergeCell ref="A30:B30"/>
    <mergeCell ref="C30:J30"/>
    <mergeCell ref="A31:J31"/>
    <mergeCell ref="A26:B28"/>
    <mergeCell ref="D26:J26"/>
    <mergeCell ref="D27:J27"/>
    <mergeCell ref="D28:J28"/>
    <mergeCell ref="A29:B29"/>
    <mergeCell ref="C29:J29"/>
    <mergeCell ref="A23:B23"/>
    <mergeCell ref="C23:J23"/>
    <mergeCell ref="A24:B24"/>
    <mergeCell ref="C24:J24"/>
    <mergeCell ref="A25:B25"/>
    <mergeCell ref="C25:J25"/>
    <mergeCell ref="H11:J11"/>
    <mergeCell ref="A22:B22"/>
    <mergeCell ref="C22:J22"/>
    <mergeCell ref="A15:B15"/>
    <mergeCell ref="F15:G15"/>
    <mergeCell ref="H15:J15"/>
    <mergeCell ref="A16:B16"/>
    <mergeCell ref="A17:B17"/>
    <mergeCell ref="C17:D17"/>
    <mergeCell ref="E17:F17"/>
    <mergeCell ref="H17:I17"/>
    <mergeCell ref="A18:B19"/>
    <mergeCell ref="A20:B20"/>
    <mergeCell ref="C20:J20"/>
    <mergeCell ref="A21:B21"/>
    <mergeCell ref="C21:J21"/>
    <mergeCell ref="H5:J5"/>
    <mergeCell ref="A14:J14"/>
    <mergeCell ref="A6:B6"/>
    <mergeCell ref="C6:E6"/>
    <mergeCell ref="F6:G6"/>
    <mergeCell ref="H6:J6"/>
    <mergeCell ref="A7:B7"/>
    <mergeCell ref="C7:E7"/>
    <mergeCell ref="F7:G7"/>
    <mergeCell ref="A9:J9"/>
    <mergeCell ref="F10:G10"/>
    <mergeCell ref="H10:J10"/>
    <mergeCell ref="A12:B12"/>
    <mergeCell ref="C12:J12"/>
    <mergeCell ref="A11:B11"/>
    <mergeCell ref="F11:G11"/>
    <mergeCell ref="A10:B10"/>
    <mergeCell ref="C16:E16"/>
    <mergeCell ref="F16:G16"/>
    <mergeCell ref="H16:J16"/>
    <mergeCell ref="A1:J1"/>
    <mergeCell ref="A2:J2"/>
    <mergeCell ref="A3:B3"/>
    <mergeCell ref="C3:E3"/>
    <mergeCell ref="F3:G3"/>
    <mergeCell ref="H3:J3"/>
    <mergeCell ref="A4:B4"/>
    <mergeCell ref="F4:G4"/>
    <mergeCell ref="H4:J4"/>
    <mergeCell ref="A5:B5"/>
    <mergeCell ref="D5:E5"/>
    <mergeCell ref="F5:G5"/>
  </mergeCells>
  <phoneticPr fontId="1"/>
  <dataValidations count="18">
    <dataValidation type="list" allowBlank="1" showInputMessage="1" showErrorMessage="1" sqref="C22:J22">
      <formula1>"負傷,死亡"</formula1>
    </dataValidation>
    <dataValidation type="list" allowBlank="1" showInputMessage="1" showErrorMessage="1" sqref="C21:J21">
      <formula1>"死亡,遊具等からの転落・落下,自らの転倒・衝突,こども同士の衝突,玩具・遊具等施設・設備の安全上の不備,他児から危害,アナフィラキシー,溺水,その他"</formula1>
    </dataValidation>
    <dataValidation type="list" allowBlank="1" showInputMessage="1" showErrorMessage="1" sqref="H10:J10">
      <formula1>"男,女"</formula1>
    </dataValidation>
    <dataValidation type="list" allowBlank="1" showInputMessage="1" showErrorMessage="1" sqref="C10">
      <formula1>"0歳,1歳,2歳,3歳,4歳,5歳,6歳,学童"</formula1>
    </dataValidation>
    <dataValidation type="list" allowBlank="1" showInputMessage="1" showErrorMessage="1" sqref="C7:E7">
      <formula1>"認可,認可外,その他"</formula1>
    </dataValidation>
    <dataValidation type="list" allowBlank="1" showInputMessage="1" showErrorMessage="1" sqref="C6:E6">
      <formula1>"幼保連携型認定こども園,幼稚園型認定こども園,保育所型認定こども園, 地方裁量型認定こども園, 幼稚園, 認可保育所, 小規模保育事業, 家庭的保育事業, 居宅訪問型保育事業, 事業所内保育事業, 一時預かり事業, 病児保育事業,子育て援助活動支援事業(ﾌｧﾐﾘｰ･ｻﾎﾟｰﾄ･ｾﾝﾀｰ事業),子育て短期支援事業(ｼｮｰﾄｽﾃｲ),子育て短期支援事業(ﾄﾜｲﾗｲﾄｽﾃｲ),放課後児童健全育成事業(放課後児童クラブ),企業主導型保育施設,地方単独保育施設,その他の認可外保育施設,認可外の居宅訪問型保育事業"</formula1>
    </dataValidation>
    <dataValidation type="list" allowBlank="1" showInputMessage="1" showErrorMessage="1" sqref="C4">
      <formula1>"令和6年,令和7年,令和8年,令和9年,令和10年,令和11年,令和12年,令和13年,令和14年,令和15年,令和16年,令和17年,令和18年,令和19年,令和20年"</formula1>
    </dataValidation>
    <dataValidation type="list" allowBlank="1" showInputMessage="1" showErrorMessage="1" sqref="E4 E11 E15 J7">
      <formula1>"1日,2日,3日,4日,5日,6日,7日,8日,9日,10日,11日,12日,13日,14日,15日,16日,17日,18日,19日,20日,21日,22日,23日,24日,25日,26日,27日,28日,29日,30日,31日"</formula1>
    </dataValidation>
    <dataValidation type="list" allowBlank="1" showInputMessage="1" showErrorMessage="1" sqref="D4 D11 D15 I7">
      <formula1>"1月,2月,3月,4月,5月,6月,7月,8月,9月,10月,11月,12月"</formula1>
    </dataValidation>
    <dataValidation type="list" allowBlank="1" showInputMessage="1" showErrorMessage="1" sqref="C10 C15">
      <formula1>"令和5年,令和6年,令和7年,令和8年,令和9年,令和10年,令和11年,令和12年,令和13年,令和14年,令和15年,令和16年,令和17年,令和18年,令和19年,令和20年"</formula1>
    </dataValidation>
    <dataValidation type="list" allowBlank="1" showInputMessage="1" showErrorMessage="1" sqref="H11 H16">
      <formula1>"0歳児クラス,1歳児クラス,2歳児クラス,3歳児クラス,4歳児クラス,5歳以上児クラス,異年齢構成,学童"</formula1>
    </dataValidation>
    <dataValidation type="list" allowBlank="1" showInputMessage="1" showErrorMessage="1" sqref="D10">
      <formula1>"0か月, 1か月, 2か月, 3か月, 4か月, 5か月, 6か月, 7か月, 8か月, 9か月, 10か月, 11か月,ー"</formula1>
    </dataValidation>
    <dataValidation type="list" allowBlank="1" showInputMessage="1" showErrorMessage="1" sqref="C10">
      <formula1>"0歳, 1歳, 2歳, 3歳, 4歳, 5歳, 6歳, 学童"</formula1>
    </dataValidation>
    <dataValidation type="list" allowBlank="1" showInputMessage="1" showErrorMessage="1" sqref="H15:J15">
      <formula1>"朝(始業～午前10時頃), 午前中, 昼食時・おやつ時, 午睡中, 午後, 夕方(16時頃～夕食提供前頃), 夜間・早朝(泊まり保育)"</formula1>
    </dataValidation>
    <dataValidation type="list" allowBlank="1" showInputMessage="1" showErrorMessage="1" sqref="C20:J20">
      <formula1>"屋外活動中, 室内活動中, 睡眠中(うつぶせ寝), 睡眠中(うつぶせ寝以外), 食事中(おやつ含む), 水遊び・プール活動中, 登園・降園中, その他"</formula1>
    </dataValidation>
    <dataValidation type="list" allowBlank="1" showInputMessage="1" showErrorMessage="1" sqref="C3:E3">
      <formula1>"第1報, 第2報, 第3報, 第4報以降"</formula1>
    </dataValidation>
    <dataValidation type="list" allowBlank="1" showInputMessage="1" showErrorMessage="1" sqref="C11">
      <formula1>"平成30年,平成31年,令和元年,令和2年,令和3年,令和4年,令和5年,令和6年,令和7年,令和8年,令和9年,令和10年,令和11年,令和12年,令和13年,令和14年,令和15年,令和16年,令和17年,令和18年,令和19年,令和20年"</formula1>
    </dataValidation>
    <dataValidation type="list" allowBlank="1" showInputMessage="1" showErrorMessage="1" sqref="C16">
      <formula1>"施設内(室内), 施設内(室外・園庭等), 施設外(園外保育先・公園等)"</formula1>
    </dataValidation>
  </dataValidations>
  <pageMargins left="0.59055118110236227" right="0.39370078740157483" top="0.39370078740157483" bottom="0" header="0" footer="0"/>
  <pageSetup paperSize="9" orientation="portrait" cellComments="asDisplayed" r:id="rId1"/>
  <headerFooter>
    <oddHeader>&amp;R&amp;"AR P丸ゴシック体E,標準"別添１　　</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sheetPr>
  <dimension ref="A1:L44"/>
  <sheetViews>
    <sheetView view="pageBreakPreview" zoomScaleNormal="100" zoomScaleSheetLayoutView="100" workbookViewId="0">
      <selection activeCell="P39" sqref="P39"/>
    </sheetView>
  </sheetViews>
  <sheetFormatPr defaultColWidth="9" defaultRowHeight="12" x14ac:dyDescent="0.2"/>
  <cols>
    <col min="1" max="10" width="9.109375" style="1" customWidth="1"/>
    <col min="11" max="34" width="3.6640625" style="1" customWidth="1"/>
    <col min="35" max="16384" width="9" style="1"/>
  </cols>
  <sheetData>
    <row r="1" spans="1:12" ht="28.5" customHeight="1" thickBot="1" x14ac:dyDescent="0.25">
      <c r="A1" s="113" t="s">
        <v>66</v>
      </c>
      <c r="B1" s="113"/>
      <c r="C1" s="113"/>
      <c r="D1" s="113"/>
      <c r="E1" s="113"/>
      <c r="F1" s="113"/>
      <c r="G1" s="113"/>
      <c r="H1" s="113"/>
      <c r="I1" s="113"/>
      <c r="J1" s="113"/>
      <c r="L1" s="2"/>
    </row>
    <row r="2" spans="1:12" ht="24.9" customHeight="1" x14ac:dyDescent="0.2">
      <c r="A2" s="147" t="s">
        <v>43</v>
      </c>
      <c r="B2" s="126"/>
      <c r="C2" s="126"/>
      <c r="D2" s="126"/>
      <c r="E2" s="126"/>
      <c r="F2" s="126"/>
      <c r="G2" s="126"/>
      <c r="H2" s="126"/>
      <c r="I2" s="126"/>
      <c r="J2" s="127"/>
      <c r="L2" s="2"/>
    </row>
    <row r="3" spans="1:12" ht="24.9" customHeight="1" x14ac:dyDescent="0.2">
      <c r="A3" s="151" t="s">
        <v>44</v>
      </c>
      <c r="B3" s="89"/>
      <c r="C3" s="109" t="s">
        <v>95</v>
      </c>
      <c r="D3" s="237"/>
      <c r="E3" s="36" t="s">
        <v>45</v>
      </c>
      <c r="F3" s="238" t="s">
        <v>300</v>
      </c>
      <c r="G3" s="239"/>
      <c r="H3" s="239"/>
      <c r="I3" s="239"/>
      <c r="J3" s="240"/>
      <c r="L3" s="2"/>
    </row>
    <row r="4" spans="1:12" ht="24.9" customHeight="1" x14ac:dyDescent="0.2">
      <c r="A4" s="192" t="s">
        <v>46</v>
      </c>
      <c r="B4" s="117"/>
      <c r="C4" s="206" t="s">
        <v>96</v>
      </c>
      <c r="D4" s="207"/>
      <c r="E4" s="37" t="s">
        <v>47</v>
      </c>
      <c r="F4" s="38">
        <v>10</v>
      </c>
      <c r="G4" s="35" t="s">
        <v>45</v>
      </c>
      <c r="H4" s="241" t="s">
        <v>97</v>
      </c>
      <c r="I4" s="238"/>
      <c r="J4" s="242"/>
    </row>
    <row r="5" spans="1:12" ht="24.9" customHeight="1" x14ac:dyDescent="0.2">
      <c r="A5" s="192" t="s">
        <v>48</v>
      </c>
      <c r="B5" s="117"/>
      <c r="C5" s="243" t="s">
        <v>98</v>
      </c>
      <c r="D5" s="244"/>
      <c r="E5" s="36" t="s">
        <v>45</v>
      </c>
      <c r="F5" s="245" t="s">
        <v>99</v>
      </c>
      <c r="G5" s="246"/>
      <c r="H5" s="246"/>
      <c r="I5" s="246"/>
      <c r="J5" s="247"/>
    </row>
    <row r="6" spans="1:12" ht="24.9" customHeight="1" x14ac:dyDescent="0.2">
      <c r="A6" s="195" t="s">
        <v>49</v>
      </c>
      <c r="B6" s="196"/>
      <c r="C6" s="248" t="s">
        <v>296</v>
      </c>
      <c r="D6" s="249"/>
      <c r="E6" s="249"/>
      <c r="F6" s="249"/>
      <c r="G6" s="249"/>
      <c r="H6" s="249"/>
      <c r="I6" s="249"/>
      <c r="J6" s="250"/>
    </row>
    <row r="7" spans="1:12" ht="24.9" customHeight="1" thickBot="1" x14ac:dyDescent="0.25">
      <c r="A7" s="152" t="s">
        <v>50</v>
      </c>
      <c r="B7" s="153"/>
      <c r="C7" s="234" t="s">
        <v>100</v>
      </c>
      <c r="D7" s="235"/>
      <c r="E7" s="235"/>
      <c r="F7" s="235"/>
      <c r="G7" s="235"/>
      <c r="H7" s="235"/>
      <c r="I7" s="235"/>
      <c r="J7" s="236"/>
    </row>
    <row r="8" spans="1:12" ht="4.5" customHeight="1" thickBot="1" x14ac:dyDescent="0.25"/>
    <row r="9" spans="1:12" ht="24.9" customHeight="1" x14ac:dyDescent="0.2">
      <c r="A9" s="147" t="s">
        <v>51</v>
      </c>
      <c r="B9" s="126"/>
      <c r="C9" s="126"/>
      <c r="D9" s="126"/>
      <c r="E9" s="126"/>
      <c r="F9" s="126"/>
      <c r="G9" s="126"/>
      <c r="H9" s="126"/>
      <c r="I9" s="126"/>
      <c r="J9" s="127"/>
      <c r="L9" s="2"/>
    </row>
    <row r="10" spans="1:12" ht="24.9" customHeight="1" x14ac:dyDescent="0.2">
      <c r="A10" s="192" t="s">
        <v>52</v>
      </c>
      <c r="B10" s="117"/>
      <c r="C10" s="206" t="s">
        <v>101</v>
      </c>
      <c r="D10" s="207"/>
      <c r="E10" s="37" t="s">
        <v>47</v>
      </c>
      <c r="F10" s="38">
        <v>24</v>
      </c>
      <c r="G10" s="35" t="s">
        <v>45</v>
      </c>
      <c r="H10" s="251" t="s">
        <v>297</v>
      </c>
      <c r="I10" s="252"/>
      <c r="J10" s="253"/>
    </row>
    <row r="11" spans="1:12" ht="24.9" customHeight="1" x14ac:dyDescent="0.2">
      <c r="A11" s="192" t="s">
        <v>53</v>
      </c>
      <c r="B11" s="117"/>
      <c r="C11" s="206" t="s">
        <v>101</v>
      </c>
      <c r="D11" s="207"/>
      <c r="E11" s="37" t="s">
        <v>47</v>
      </c>
      <c r="F11" s="38">
        <v>12</v>
      </c>
      <c r="G11" s="35" t="s">
        <v>45</v>
      </c>
      <c r="H11" s="241" t="s">
        <v>298</v>
      </c>
      <c r="I11" s="238"/>
      <c r="J11" s="242"/>
    </row>
    <row r="12" spans="1:12" ht="24.9" customHeight="1" x14ac:dyDescent="0.2">
      <c r="A12" s="192" t="s">
        <v>54</v>
      </c>
      <c r="B12" s="117"/>
      <c r="C12" s="206" t="s">
        <v>96</v>
      </c>
      <c r="D12" s="207"/>
      <c r="E12" s="37" t="s">
        <v>47</v>
      </c>
      <c r="F12" s="38">
        <v>10</v>
      </c>
      <c r="G12" s="35" t="s">
        <v>45</v>
      </c>
      <c r="H12" s="241" t="s">
        <v>299</v>
      </c>
      <c r="I12" s="238"/>
      <c r="J12" s="242"/>
    </row>
    <row r="13" spans="1:12" ht="24.9" customHeight="1" x14ac:dyDescent="0.2">
      <c r="A13" s="195" t="s">
        <v>49</v>
      </c>
      <c r="B13" s="196"/>
      <c r="C13" s="254" t="s">
        <v>102</v>
      </c>
      <c r="D13" s="255"/>
      <c r="E13" s="255"/>
      <c r="F13" s="255"/>
      <c r="G13" s="255"/>
      <c r="H13" s="255"/>
      <c r="I13" s="255"/>
      <c r="J13" s="256"/>
    </row>
    <row r="14" spans="1:12" ht="24.9" customHeight="1" thickBot="1" x14ac:dyDescent="0.25">
      <c r="A14" s="152" t="s">
        <v>50</v>
      </c>
      <c r="B14" s="153"/>
      <c r="C14" s="234" t="s">
        <v>100</v>
      </c>
      <c r="D14" s="235"/>
      <c r="E14" s="235"/>
      <c r="F14" s="235"/>
      <c r="G14" s="235"/>
      <c r="H14" s="235"/>
      <c r="I14" s="235"/>
      <c r="J14" s="236"/>
    </row>
    <row r="15" spans="1:12" ht="4.5" customHeight="1" thickBot="1" x14ac:dyDescent="0.25"/>
    <row r="16" spans="1:12" ht="24.9" customHeight="1" x14ac:dyDescent="0.2">
      <c r="A16" s="147" t="s">
        <v>55</v>
      </c>
      <c r="B16" s="126"/>
      <c r="C16" s="126"/>
      <c r="D16" s="126"/>
      <c r="E16" s="126"/>
      <c r="F16" s="126"/>
      <c r="G16" s="126"/>
      <c r="H16" s="126"/>
      <c r="I16" s="126"/>
      <c r="J16" s="127"/>
      <c r="L16" s="2"/>
    </row>
    <row r="17" spans="1:12" ht="24.9" customHeight="1" x14ac:dyDescent="0.2">
      <c r="A17" s="151" t="s">
        <v>56</v>
      </c>
      <c r="B17" s="89"/>
      <c r="C17" s="193" t="s">
        <v>103</v>
      </c>
      <c r="D17" s="194"/>
      <c r="E17" s="39" t="s">
        <v>45</v>
      </c>
      <c r="F17" s="257" t="s">
        <v>104</v>
      </c>
      <c r="G17" s="257"/>
      <c r="H17" s="257"/>
      <c r="I17" s="257"/>
      <c r="J17" s="258"/>
      <c r="L17" s="2"/>
    </row>
    <row r="18" spans="1:12" ht="24.9" customHeight="1" x14ac:dyDescent="0.2">
      <c r="A18" s="195" t="s">
        <v>49</v>
      </c>
      <c r="B18" s="196"/>
      <c r="C18" s="248" t="s">
        <v>105</v>
      </c>
      <c r="D18" s="249"/>
      <c r="E18" s="249"/>
      <c r="F18" s="249"/>
      <c r="G18" s="249"/>
      <c r="H18" s="249"/>
      <c r="I18" s="249"/>
      <c r="J18" s="250"/>
    </row>
    <row r="19" spans="1:12" ht="24.9" customHeight="1" thickBot="1" x14ac:dyDescent="0.25">
      <c r="A19" s="152" t="s">
        <v>50</v>
      </c>
      <c r="B19" s="153"/>
      <c r="C19" s="234" t="s">
        <v>100</v>
      </c>
      <c r="D19" s="235"/>
      <c r="E19" s="235"/>
      <c r="F19" s="235"/>
      <c r="G19" s="235"/>
      <c r="H19" s="235"/>
      <c r="I19" s="235"/>
      <c r="J19" s="236"/>
    </row>
    <row r="20" spans="1:12" ht="4.5" customHeight="1" thickBot="1" x14ac:dyDescent="0.25"/>
    <row r="21" spans="1:12" ht="24.9" customHeight="1" x14ac:dyDescent="0.2">
      <c r="A21" s="147" t="s">
        <v>57</v>
      </c>
      <c r="B21" s="126"/>
      <c r="C21" s="126"/>
      <c r="D21" s="126"/>
      <c r="E21" s="126"/>
      <c r="F21" s="126"/>
      <c r="G21" s="126"/>
      <c r="H21" s="126"/>
      <c r="I21" s="126"/>
      <c r="J21" s="127"/>
      <c r="L21" s="2"/>
    </row>
    <row r="22" spans="1:12" ht="24.9" customHeight="1" x14ac:dyDescent="0.2">
      <c r="A22" s="151" t="s">
        <v>58</v>
      </c>
      <c r="B22" s="89"/>
      <c r="C22" s="215" t="s">
        <v>301</v>
      </c>
      <c r="D22" s="216"/>
      <c r="E22" s="39" t="s">
        <v>45</v>
      </c>
      <c r="F22" s="259" t="s">
        <v>106</v>
      </c>
      <c r="G22" s="259"/>
      <c r="H22" s="259"/>
      <c r="I22" s="259"/>
      <c r="J22" s="260"/>
      <c r="L22" s="2"/>
    </row>
    <row r="23" spans="1:12" ht="24.9" customHeight="1" x14ac:dyDescent="0.2">
      <c r="A23" s="151" t="s">
        <v>59</v>
      </c>
      <c r="B23" s="89"/>
      <c r="C23" s="217" t="s">
        <v>107</v>
      </c>
      <c r="D23" s="218"/>
      <c r="E23" s="36" t="s">
        <v>45</v>
      </c>
      <c r="F23" s="238" t="s">
        <v>108</v>
      </c>
      <c r="G23" s="238"/>
      <c r="H23" s="238"/>
      <c r="I23" s="238"/>
      <c r="J23" s="242"/>
      <c r="L23" s="2"/>
    </row>
    <row r="24" spans="1:12" ht="24.9" customHeight="1" x14ac:dyDescent="0.2">
      <c r="A24" s="151" t="s">
        <v>60</v>
      </c>
      <c r="B24" s="89"/>
      <c r="C24" s="217" t="s">
        <v>109</v>
      </c>
      <c r="D24" s="218"/>
      <c r="E24" s="36" t="s">
        <v>45</v>
      </c>
      <c r="F24" s="238" t="s">
        <v>110</v>
      </c>
      <c r="G24" s="238"/>
      <c r="H24" s="238"/>
      <c r="I24" s="238"/>
      <c r="J24" s="242"/>
      <c r="L24" s="2"/>
    </row>
    <row r="25" spans="1:12" ht="24.9" customHeight="1" x14ac:dyDescent="0.2">
      <c r="A25" s="195" t="s">
        <v>49</v>
      </c>
      <c r="B25" s="196"/>
      <c r="C25" s="248" t="s">
        <v>105</v>
      </c>
      <c r="D25" s="249"/>
      <c r="E25" s="249"/>
      <c r="F25" s="249"/>
      <c r="G25" s="249"/>
      <c r="H25" s="249"/>
      <c r="I25" s="249"/>
      <c r="J25" s="250"/>
    </row>
    <row r="26" spans="1:12" ht="24.9" customHeight="1" thickBot="1" x14ac:dyDescent="0.25">
      <c r="A26" s="152" t="s">
        <v>50</v>
      </c>
      <c r="B26" s="153"/>
      <c r="C26" s="234" t="s">
        <v>100</v>
      </c>
      <c r="D26" s="235"/>
      <c r="E26" s="235"/>
      <c r="F26" s="235"/>
      <c r="G26" s="235"/>
      <c r="H26" s="235"/>
      <c r="I26" s="235"/>
      <c r="J26" s="236"/>
    </row>
    <row r="27" spans="1:12" ht="4.5" customHeight="1" thickBot="1" x14ac:dyDescent="0.25"/>
    <row r="28" spans="1:12" ht="24.9" customHeight="1" x14ac:dyDescent="0.2">
      <c r="A28" s="203" t="s">
        <v>61</v>
      </c>
      <c r="B28" s="204"/>
      <c r="C28" s="204"/>
      <c r="D28" s="204"/>
      <c r="E28" s="204"/>
      <c r="F28" s="204"/>
      <c r="G28" s="204"/>
      <c r="H28" s="204"/>
      <c r="I28" s="204"/>
      <c r="J28" s="205"/>
      <c r="L28" s="2"/>
    </row>
    <row r="29" spans="1:12" ht="51.75" customHeight="1" thickBot="1" x14ac:dyDescent="0.25">
      <c r="A29" s="261" t="s">
        <v>111</v>
      </c>
      <c r="B29" s="262"/>
      <c r="C29" s="262"/>
      <c r="D29" s="262"/>
      <c r="E29" s="262"/>
      <c r="F29" s="262"/>
      <c r="G29" s="262"/>
      <c r="H29" s="262"/>
      <c r="I29" s="262"/>
      <c r="J29" s="263"/>
    </row>
    <row r="30" spans="1:12" ht="4.5" customHeight="1" thickBot="1" x14ac:dyDescent="0.25"/>
    <row r="31" spans="1:12" x14ac:dyDescent="0.2">
      <c r="A31" s="179" t="s">
        <v>62</v>
      </c>
      <c r="B31" s="180"/>
      <c r="C31" s="180"/>
      <c r="D31" s="180"/>
      <c r="E31" s="180"/>
      <c r="F31" s="180"/>
      <c r="G31" s="180"/>
      <c r="H31" s="180"/>
      <c r="I31" s="180"/>
      <c r="J31" s="181"/>
    </row>
    <row r="32" spans="1:12" ht="12" customHeight="1" x14ac:dyDescent="0.2">
      <c r="A32" s="176" t="s">
        <v>63</v>
      </c>
      <c r="B32" s="177"/>
      <c r="C32" s="177"/>
      <c r="D32" s="177"/>
      <c r="E32" s="178"/>
      <c r="F32" s="161" t="s">
        <v>292</v>
      </c>
      <c r="G32" s="162"/>
      <c r="H32" s="162"/>
      <c r="I32" s="162"/>
      <c r="J32" s="163"/>
    </row>
    <row r="33" spans="1:10" x14ac:dyDescent="0.2">
      <c r="A33" s="176"/>
      <c r="B33" s="177"/>
      <c r="C33" s="177"/>
      <c r="D33" s="177"/>
      <c r="E33" s="178"/>
      <c r="F33" s="164" t="s">
        <v>312</v>
      </c>
      <c r="G33" s="165"/>
      <c r="H33" s="165"/>
      <c r="I33" s="165"/>
      <c r="J33" s="166"/>
    </row>
    <row r="34" spans="1:10" x14ac:dyDescent="0.2">
      <c r="A34" s="176"/>
      <c r="B34" s="177"/>
      <c r="C34" s="177"/>
      <c r="D34" s="177"/>
      <c r="E34" s="178"/>
      <c r="F34" s="161" t="s">
        <v>293</v>
      </c>
      <c r="G34" s="174"/>
      <c r="H34" s="174"/>
      <c r="I34" s="174"/>
      <c r="J34" s="163"/>
    </row>
    <row r="35" spans="1:10" x14ac:dyDescent="0.2">
      <c r="A35" s="185" t="s">
        <v>311</v>
      </c>
      <c r="B35" s="186"/>
      <c r="C35" s="186"/>
      <c r="D35" s="186"/>
      <c r="E35" s="187"/>
      <c r="F35" s="164" t="s">
        <v>313</v>
      </c>
      <c r="G35" s="165"/>
      <c r="H35" s="165"/>
      <c r="I35" s="165"/>
      <c r="J35" s="166"/>
    </row>
    <row r="36" spans="1:10" x14ac:dyDescent="0.2">
      <c r="A36" s="173" t="s">
        <v>64</v>
      </c>
      <c r="B36" s="174"/>
      <c r="C36" s="174"/>
      <c r="D36" s="174"/>
      <c r="E36" s="175"/>
      <c r="F36" s="161" t="s">
        <v>294</v>
      </c>
      <c r="G36" s="162"/>
      <c r="H36" s="162"/>
      <c r="I36" s="162"/>
      <c r="J36" s="163"/>
    </row>
    <row r="37" spans="1:10" x14ac:dyDescent="0.2">
      <c r="A37" s="185" t="s">
        <v>315</v>
      </c>
      <c r="B37" s="191"/>
      <c r="C37" s="191"/>
      <c r="D37" s="191"/>
      <c r="E37" s="187"/>
      <c r="F37" s="164" t="s">
        <v>314</v>
      </c>
      <c r="G37" s="165"/>
      <c r="H37" s="165"/>
      <c r="I37" s="165"/>
      <c r="J37" s="166"/>
    </row>
    <row r="38" spans="1:10" x14ac:dyDescent="0.2">
      <c r="A38" s="171" t="s">
        <v>317</v>
      </c>
      <c r="B38" s="165"/>
      <c r="C38" s="165"/>
      <c r="D38" s="165"/>
      <c r="E38" s="172"/>
      <c r="F38" s="167"/>
      <c r="G38" s="168"/>
      <c r="H38" s="168"/>
      <c r="I38" s="168"/>
      <c r="J38" s="169"/>
    </row>
    <row r="39" spans="1:10" x14ac:dyDescent="0.2">
      <c r="A39" s="173" t="s">
        <v>291</v>
      </c>
      <c r="B39" s="174"/>
      <c r="C39" s="174"/>
      <c r="D39" s="174"/>
      <c r="E39" s="175"/>
      <c r="F39" s="164"/>
      <c r="G39" s="165"/>
      <c r="H39" s="165"/>
      <c r="I39" s="165"/>
      <c r="J39" s="166"/>
    </row>
    <row r="40" spans="1:10" x14ac:dyDescent="0.2">
      <c r="A40" s="185" t="s">
        <v>316</v>
      </c>
      <c r="B40" s="191"/>
      <c r="C40" s="191"/>
      <c r="D40" s="191"/>
      <c r="E40" s="187"/>
      <c r="F40" s="188"/>
      <c r="G40" s="189"/>
      <c r="H40" s="189"/>
      <c r="I40" s="189"/>
      <c r="J40" s="190"/>
    </row>
    <row r="41" spans="1:10" ht="12.6" thickBot="1" x14ac:dyDescent="0.25">
      <c r="A41" s="158" t="s">
        <v>318</v>
      </c>
      <c r="B41" s="159"/>
      <c r="C41" s="159"/>
      <c r="D41" s="159"/>
      <c r="E41" s="170"/>
      <c r="F41" s="164"/>
      <c r="G41" s="165"/>
      <c r="H41" s="165"/>
      <c r="I41" s="165"/>
      <c r="J41" s="166"/>
    </row>
    <row r="42" spans="1:10" x14ac:dyDescent="0.2">
      <c r="A42" s="179" t="s">
        <v>65</v>
      </c>
      <c r="B42" s="180"/>
      <c r="C42" s="180"/>
      <c r="D42" s="180"/>
      <c r="E42" s="180"/>
      <c r="F42" s="180"/>
      <c r="G42" s="180"/>
      <c r="H42" s="180"/>
      <c r="I42" s="180"/>
      <c r="J42" s="181"/>
    </row>
    <row r="43" spans="1:10" ht="12" customHeight="1" thickBot="1" x14ac:dyDescent="0.25">
      <c r="A43" s="158" t="s">
        <v>310</v>
      </c>
      <c r="B43" s="159"/>
      <c r="C43" s="159"/>
      <c r="D43" s="159"/>
      <c r="E43" s="159"/>
      <c r="F43" s="159"/>
      <c r="G43" s="159"/>
      <c r="H43" s="159"/>
      <c r="I43" s="159"/>
      <c r="J43" s="160"/>
    </row>
    <row r="44" spans="1:10" ht="30" customHeight="1" x14ac:dyDescent="0.2">
      <c r="A44" s="213" t="s">
        <v>320</v>
      </c>
      <c r="B44" s="214"/>
      <c r="C44" s="214"/>
      <c r="D44" s="214"/>
      <c r="E44" s="214"/>
      <c r="F44" s="214"/>
      <c r="G44" s="214"/>
      <c r="H44" s="214"/>
      <c r="I44" s="214"/>
      <c r="J44" s="214"/>
    </row>
  </sheetData>
  <mergeCells count="75">
    <mergeCell ref="A44:J44"/>
    <mergeCell ref="A39:E39"/>
    <mergeCell ref="F39:J39"/>
    <mergeCell ref="F40:J40"/>
    <mergeCell ref="A41:E41"/>
    <mergeCell ref="F41:J41"/>
    <mergeCell ref="A42:J42"/>
    <mergeCell ref="A43:J43"/>
    <mergeCell ref="A40:E40"/>
    <mergeCell ref="A36:E36"/>
    <mergeCell ref="F36:J36"/>
    <mergeCell ref="F37:J37"/>
    <mergeCell ref="A38:E38"/>
    <mergeCell ref="F38:J38"/>
    <mergeCell ref="A37:E37"/>
    <mergeCell ref="A35:E35"/>
    <mergeCell ref="F35:J35"/>
    <mergeCell ref="A25:B25"/>
    <mergeCell ref="C25:J25"/>
    <mergeCell ref="A26:B26"/>
    <mergeCell ref="C26:J26"/>
    <mergeCell ref="A28:J28"/>
    <mergeCell ref="A29:J29"/>
    <mergeCell ref="A31:J31"/>
    <mergeCell ref="A32:E34"/>
    <mergeCell ref="F32:J32"/>
    <mergeCell ref="F33:J33"/>
    <mergeCell ref="F34:J34"/>
    <mergeCell ref="A23:B23"/>
    <mergeCell ref="C23:D23"/>
    <mergeCell ref="F23:J23"/>
    <mergeCell ref="A24:B24"/>
    <mergeCell ref="C24:D24"/>
    <mergeCell ref="F24:J24"/>
    <mergeCell ref="A19:B19"/>
    <mergeCell ref="C19:J19"/>
    <mergeCell ref="A21:J21"/>
    <mergeCell ref="A22:B22"/>
    <mergeCell ref="C22:D22"/>
    <mergeCell ref="F22:J22"/>
    <mergeCell ref="A16:J16"/>
    <mergeCell ref="A17:B17"/>
    <mergeCell ref="C17:D17"/>
    <mergeCell ref="F17:J17"/>
    <mergeCell ref="A18:B18"/>
    <mergeCell ref="C18:J18"/>
    <mergeCell ref="A14:B14"/>
    <mergeCell ref="C14:J14"/>
    <mergeCell ref="A9:J9"/>
    <mergeCell ref="A10:B10"/>
    <mergeCell ref="C10:D10"/>
    <mergeCell ref="H10:J10"/>
    <mergeCell ref="A11:B11"/>
    <mergeCell ref="C11:D11"/>
    <mergeCell ref="H11:J11"/>
    <mergeCell ref="A12:B12"/>
    <mergeCell ref="C12:D12"/>
    <mergeCell ref="H12:J12"/>
    <mergeCell ref="A13:B13"/>
    <mergeCell ref="C13:J13"/>
    <mergeCell ref="A7:B7"/>
    <mergeCell ref="C7:J7"/>
    <mergeCell ref="A1:J1"/>
    <mergeCell ref="A2:J2"/>
    <mergeCell ref="A3:B3"/>
    <mergeCell ref="C3:D3"/>
    <mergeCell ref="F3:J3"/>
    <mergeCell ref="A4:B4"/>
    <mergeCell ref="C4:D4"/>
    <mergeCell ref="H4:J4"/>
    <mergeCell ref="A5:B5"/>
    <mergeCell ref="C5:D5"/>
    <mergeCell ref="F5:J5"/>
    <mergeCell ref="A6:B6"/>
    <mergeCell ref="C6:J6"/>
  </mergeCells>
  <phoneticPr fontId="1"/>
  <dataValidations count="8">
    <dataValidation type="list" allowBlank="1" showInputMessage="1" showErrorMessage="1" sqref="C23">
      <formula1>"対象児とマンツーマンの状態(対象児に接していた), 対象児の至近で対象児を見ていた, 対象児から離れたところで対象児を見ていた, 対象児の動きを見ていなかった"</formula1>
    </dataValidation>
    <dataValidation type="list" allowBlank="1" showInputMessage="1" showErrorMessage="1" sqref="C22">
      <formula1>"いつもどおりの様子であった, いつもより元気がなかった, いつもより活発・活動的であった, 具合が悪かった(熱発・腹痛・風邪気味等)"</formula1>
    </dataValidation>
    <dataValidation type="list" allowBlank="1" showInputMessage="1" showErrorMessage="1" sqref="C17">
      <formula1>"集団活動中・見守りあり,集団活動中・こどもたちのみ,個人活動中・見守りあり, 個人活動中・こどものみ, 睡眠(午睡)中, 食事(おやつ)中, その他"</formula1>
    </dataValidation>
    <dataValidation type="list" allowBlank="1" showInputMessage="1" showErrorMessage="1" sqref="C10:D12">
      <formula1>"定期的に実施, 不定期に実施, 未実施,ー"</formula1>
    </dataValidation>
    <dataValidation type="list" allowBlank="1" showInputMessage="1" showErrorMessage="1" sqref="C5:D5">
      <formula1>"基準以上配置,基準配置,基準以下"</formula1>
    </dataValidation>
    <dataValidation type="list" allowBlank="1" showInputMessage="1" showErrorMessage="1" sqref="C4">
      <formula1>"定期的に実施, 不定期に実施, 未実施"</formula1>
    </dataValidation>
    <dataValidation type="list" allowBlank="1" showInputMessage="1" showErrorMessage="1" sqref="C3:D3">
      <formula1>"あり,なし"</formula1>
    </dataValidation>
    <dataValidation type="list" allowBlank="1" showInputMessage="1" showErrorMessage="1" sqref="C24:D24">
      <formula1>"担当者・対象児の動きを見ていた(至近距離にいた), 担当者・対象児の動きを見ていなかった,ー"</formula1>
    </dataValidation>
  </dataValidations>
  <pageMargins left="0.59055118110236227" right="0.39370078740157483" top="0.39370078740157483" bottom="0.39370078740157483" header="0" footer="0"/>
  <pageSetup paperSize="9" orientation="portrait" cellComments="asDisplayed"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sheetPr>
  <dimension ref="B2:G9"/>
  <sheetViews>
    <sheetView showZeros="0" view="pageBreakPreview" zoomScaleNormal="100" zoomScaleSheetLayoutView="100" workbookViewId="0">
      <selection activeCell="E19" sqref="E19"/>
    </sheetView>
  </sheetViews>
  <sheetFormatPr defaultRowHeight="13.2" x14ac:dyDescent="0.2"/>
  <cols>
    <col min="1" max="1" width="2.33203125" customWidth="1"/>
    <col min="2" max="4" width="15.6640625" customWidth="1"/>
    <col min="5" max="6" width="60.6640625" customWidth="1"/>
  </cols>
  <sheetData>
    <row r="2" spans="2:7" ht="14.4" x14ac:dyDescent="0.2">
      <c r="B2" s="13" t="s">
        <v>112</v>
      </c>
      <c r="C2" s="13"/>
      <c r="D2" s="13"/>
    </row>
    <row r="3" spans="2:7" ht="13.8" thickBot="1" x14ac:dyDescent="0.25"/>
    <row r="4" spans="2:7" ht="13.8" thickBot="1" x14ac:dyDescent="0.25">
      <c r="B4" s="264" t="s">
        <v>113</v>
      </c>
      <c r="C4" s="265"/>
      <c r="D4" s="265"/>
      <c r="E4" s="266" t="s">
        <v>114</v>
      </c>
      <c r="F4" s="267"/>
      <c r="G4" s="61" t="s">
        <v>113</v>
      </c>
    </row>
    <row r="5" spans="2:7" x14ac:dyDescent="0.2">
      <c r="B5" s="272" t="s">
        <v>115</v>
      </c>
      <c r="C5" s="273"/>
      <c r="D5" s="272" t="s">
        <v>116</v>
      </c>
      <c r="E5" s="276" t="s">
        <v>117</v>
      </c>
      <c r="F5" s="276" t="s">
        <v>118</v>
      </c>
      <c r="G5" s="268" t="s">
        <v>119</v>
      </c>
    </row>
    <row r="6" spans="2:7" ht="13.8" thickBot="1" x14ac:dyDescent="0.25">
      <c r="B6" s="274"/>
      <c r="C6" s="275"/>
      <c r="D6" s="274"/>
      <c r="E6" s="277"/>
      <c r="F6" s="277"/>
      <c r="G6" s="269"/>
    </row>
    <row r="7" spans="2:7" ht="85.5" customHeight="1" thickBot="1" x14ac:dyDescent="0.25">
      <c r="B7" s="14">
        <f>表面!C5</f>
        <v>0</v>
      </c>
      <c r="C7" s="14">
        <f>表面!D5</f>
        <v>0</v>
      </c>
      <c r="D7" s="58">
        <f>表面!H3</f>
        <v>0</v>
      </c>
      <c r="E7" s="62">
        <f>反映シート!BJ5</f>
        <v>0</v>
      </c>
      <c r="F7" s="62">
        <f>反映シート!BK5</f>
        <v>0</v>
      </c>
      <c r="G7" s="59"/>
    </row>
    <row r="9" spans="2:7" ht="111.75" customHeight="1" x14ac:dyDescent="0.2">
      <c r="B9" s="270" t="s">
        <v>120</v>
      </c>
      <c r="C9" s="271"/>
      <c r="D9" s="271"/>
      <c r="E9" s="271"/>
      <c r="F9" s="271"/>
      <c r="G9" s="271"/>
    </row>
  </sheetData>
  <mergeCells count="8">
    <mergeCell ref="B4:D4"/>
    <mergeCell ref="E4:F4"/>
    <mergeCell ref="G5:G6"/>
    <mergeCell ref="B9:G9"/>
    <mergeCell ref="B5:C6"/>
    <mergeCell ref="D5:D6"/>
    <mergeCell ref="E5:E6"/>
    <mergeCell ref="F5:F6"/>
  </mergeCells>
  <phoneticPr fontId="1"/>
  <dataValidations count="1">
    <dataValidation type="list" allowBlank="1" showInputMessage="1" showErrorMessage="1" sqref="G7">
      <formula1>"○,×,　"</formula1>
    </dataValidation>
  </dataValidations>
  <pageMargins left="0.7" right="0.7" top="0.75" bottom="0.75" header="0.3" footer="0.3"/>
  <pageSetup paperSize="9" scale="74"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sheetPr>
  <dimension ref="A1:BK52"/>
  <sheetViews>
    <sheetView showZeros="0" view="pageBreakPreview" zoomScale="60" zoomScaleNormal="100" workbookViewId="0">
      <selection activeCell="A5" sqref="A5"/>
    </sheetView>
  </sheetViews>
  <sheetFormatPr defaultColWidth="9" defaultRowHeight="13.2" x14ac:dyDescent="0.2"/>
  <cols>
    <col min="1" max="7" width="9" style="11"/>
    <col min="8" max="8" width="4.6640625" style="11" customWidth="1"/>
    <col min="9" max="15" width="9" style="11"/>
    <col min="16" max="23" width="5" style="11" customWidth="1"/>
    <col min="24" max="60" width="9" style="11"/>
    <col min="61" max="61" width="5" style="11" customWidth="1"/>
    <col min="62" max="63" width="26.6640625" style="11" customWidth="1"/>
    <col min="64" max="16384" width="9" style="11"/>
  </cols>
  <sheetData>
    <row r="1" spans="1:63" ht="43.5" customHeight="1" x14ac:dyDescent="0.2">
      <c r="A1" s="284" t="s">
        <v>121</v>
      </c>
      <c r="B1" s="284"/>
      <c r="C1" s="284"/>
      <c r="D1" s="284"/>
      <c r="E1" s="284"/>
      <c r="F1" s="284"/>
      <c r="G1" s="284"/>
      <c r="H1"/>
      <c r="I1" s="285" t="s">
        <v>122</v>
      </c>
      <c r="J1" s="285"/>
      <c r="K1" s="285"/>
      <c r="L1" s="285"/>
      <c r="M1" s="285"/>
      <c r="N1" s="286" t="s">
        <v>123</v>
      </c>
      <c r="O1" s="286"/>
      <c r="P1" s="286"/>
      <c r="Q1" s="286"/>
      <c r="R1" s="286"/>
      <c r="S1" s="286"/>
      <c r="T1" s="286"/>
      <c r="U1" s="286"/>
      <c r="V1" s="286"/>
      <c r="W1" s="286"/>
      <c r="X1" s="286"/>
      <c r="Y1" s="286"/>
      <c r="Z1" s="285" t="s">
        <v>124</v>
      </c>
      <c r="AA1" s="285"/>
      <c r="AB1" s="285"/>
      <c r="AC1" s="285" t="s">
        <v>125</v>
      </c>
      <c r="AD1" s="285"/>
      <c r="AE1" s="285"/>
      <c r="AF1" s="285"/>
      <c r="AG1" s="285"/>
      <c r="AH1" s="285"/>
      <c r="AI1" s="285"/>
      <c r="AJ1" s="286" t="s">
        <v>126</v>
      </c>
      <c r="AK1" s="286"/>
      <c r="AL1" s="286"/>
      <c r="AM1" s="286"/>
      <c r="AN1" s="286"/>
      <c r="AO1" s="286"/>
      <c r="AP1" s="286"/>
      <c r="AQ1" s="286"/>
      <c r="AR1" s="286"/>
      <c r="AS1" s="286"/>
      <c r="AT1" s="286"/>
      <c r="AU1" s="286"/>
      <c r="AV1" s="286"/>
      <c r="AW1" s="286"/>
      <c r="AX1" s="286"/>
      <c r="AY1" s="286"/>
      <c r="AZ1" s="286"/>
      <c r="BA1" s="286"/>
      <c r="BB1" s="286"/>
      <c r="BC1" s="286"/>
      <c r="BD1" s="286"/>
      <c r="BE1" s="286"/>
      <c r="BF1" s="286"/>
      <c r="BG1" s="286"/>
      <c r="BH1" s="286"/>
      <c r="BI1" s="53"/>
      <c r="BJ1" s="281" t="s">
        <v>127</v>
      </c>
      <c r="BK1" s="281" t="s">
        <v>128</v>
      </c>
    </row>
    <row r="2" spans="1:63" ht="27" customHeight="1" x14ac:dyDescent="0.2">
      <c r="A2" s="278" t="s">
        <v>1</v>
      </c>
      <c r="B2" s="279"/>
      <c r="C2" s="279"/>
      <c r="D2" s="279"/>
      <c r="E2" s="279"/>
      <c r="F2" s="279"/>
      <c r="G2" s="280"/>
      <c r="H2" s="50"/>
      <c r="I2" s="285" t="s">
        <v>129</v>
      </c>
      <c r="J2" s="285" t="s">
        <v>130</v>
      </c>
      <c r="K2" s="285" t="s">
        <v>131</v>
      </c>
      <c r="L2" s="285"/>
      <c r="M2" s="285" t="s">
        <v>132</v>
      </c>
      <c r="N2" s="285" t="s">
        <v>133</v>
      </c>
      <c r="O2" s="285"/>
      <c r="P2" s="285"/>
      <c r="Q2" s="285"/>
      <c r="R2" s="285"/>
      <c r="S2" s="285"/>
      <c r="T2" s="285"/>
      <c r="U2" s="285"/>
      <c r="V2" s="285"/>
      <c r="W2" s="285"/>
      <c r="X2" s="288" t="s">
        <v>134</v>
      </c>
      <c r="Y2" s="288"/>
      <c r="Z2" s="285" t="s">
        <v>135</v>
      </c>
      <c r="AA2" s="285" t="s">
        <v>136</v>
      </c>
      <c r="AB2" s="285" t="s">
        <v>137</v>
      </c>
      <c r="AC2" s="285" t="s">
        <v>138</v>
      </c>
      <c r="AD2" s="281" t="s">
        <v>139</v>
      </c>
      <c r="AE2" s="285"/>
      <c r="AF2" s="285"/>
      <c r="AG2" s="285"/>
      <c r="AH2" s="285"/>
      <c r="AI2" s="285" t="s">
        <v>140</v>
      </c>
      <c r="AJ2" s="285" t="s">
        <v>141</v>
      </c>
      <c r="AK2" s="285"/>
      <c r="AL2" s="285"/>
      <c r="AM2" s="285"/>
      <c r="AN2" s="285"/>
      <c r="AO2" s="285"/>
      <c r="AP2" s="285" t="s">
        <v>142</v>
      </c>
      <c r="AQ2" s="285"/>
      <c r="AR2" s="285"/>
      <c r="AS2" s="285"/>
      <c r="AT2" s="285"/>
      <c r="AU2" s="285"/>
      <c r="AV2" s="285"/>
      <c r="AW2" s="285"/>
      <c r="AX2" s="285" t="s">
        <v>143</v>
      </c>
      <c r="AY2" s="285"/>
      <c r="AZ2" s="285"/>
      <c r="BA2" s="285" t="s">
        <v>144</v>
      </c>
      <c r="BB2" s="285"/>
      <c r="BC2" s="285"/>
      <c r="BD2" s="285"/>
      <c r="BE2" s="285"/>
      <c r="BF2" s="285"/>
      <c r="BG2" s="285"/>
      <c r="BH2" s="285"/>
      <c r="BI2" s="53"/>
      <c r="BJ2" s="282"/>
      <c r="BK2" s="282"/>
    </row>
    <row r="3" spans="1:63" x14ac:dyDescent="0.2">
      <c r="A3" s="278" t="s">
        <v>145</v>
      </c>
      <c r="B3" s="279"/>
      <c r="C3" s="280"/>
      <c r="D3" s="278" t="s">
        <v>146</v>
      </c>
      <c r="E3" s="279"/>
      <c r="F3" s="279"/>
      <c r="G3" s="280"/>
      <c r="H3" s="50"/>
      <c r="I3" s="285"/>
      <c r="J3" s="285"/>
      <c r="K3" s="285" t="s">
        <v>147</v>
      </c>
      <c r="L3" s="285" t="s">
        <v>148</v>
      </c>
      <c r="M3" s="285"/>
      <c r="N3" s="281" t="s">
        <v>149</v>
      </c>
      <c r="O3" s="285" t="s">
        <v>150</v>
      </c>
      <c r="P3" s="287" t="s">
        <v>151</v>
      </c>
      <c r="Q3" s="287"/>
      <c r="R3" s="287"/>
      <c r="S3" s="287"/>
      <c r="T3" s="287"/>
      <c r="U3" s="287"/>
      <c r="V3" s="287"/>
      <c r="W3" s="287"/>
      <c r="X3" s="285" t="s">
        <v>152</v>
      </c>
      <c r="Y3" s="289" t="s">
        <v>153</v>
      </c>
      <c r="Z3" s="285"/>
      <c r="AA3" s="285"/>
      <c r="AB3" s="285"/>
      <c r="AC3" s="285"/>
      <c r="AD3" s="283"/>
      <c r="AE3" s="42" t="s">
        <v>154</v>
      </c>
      <c r="AF3" s="285" t="s">
        <v>155</v>
      </c>
      <c r="AG3" s="285"/>
      <c r="AH3" s="285" t="s">
        <v>156</v>
      </c>
      <c r="AI3" s="285"/>
      <c r="AJ3" s="285" t="s">
        <v>157</v>
      </c>
      <c r="AK3" s="290" t="s">
        <v>158</v>
      </c>
      <c r="AL3" s="288"/>
      <c r="AM3" s="285" t="s">
        <v>159</v>
      </c>
      <c r="AN3" s="285" t="s">
        <v>160</v>
      </c>
      <c r="AO3" s="285" t="s">
        <v>161</v>
      </c>
      <c r="AP3" s="290" t="s">
        <v>162</v>
      </c>
      <c r="AQ3" s="288"/>
      <c r="AR3" s="290" t="s">
        <v>163</v>
      </c>
      <c r="AS3" s="288"/>
      <c r="AT3" s="290" t="s">
        <v>164</v>
      </c>
      <c r="AU3" s="288"/>
      <c r="AV3" s="285" t="s">
        <v>160</v>
      </c>
      <c r="AW3" s="285" t="s">
        <v>161</v>
      </c>
      <c r="AX3" s="285" t="s">
        <v>165</v>
      </c>
      <c r="AY3" s="285" t="s">
        <v>160</v>
      </c>
      <c r="AZ3" s="285" t="s">
        <v>161</v>
      </c>
      <c r="BA3" s="290" t="s">
        <v>166</v>
      </c>
      <c r="BB3" s="288"/>
      <c r="BC3" s="281" t="s">
        <v>167</v>
      </c>
      <c r="BD3" s="285"/>
      <c r="BE3" s="281" t="s">
        <v>168</v>
      </c>
      <c r="BF3" s="285"/>
      <c r="BG3" s="285" t="s">
        <v>160</v>
      </c>
      <c r="BH3" s="285" t="s">
        <v>161</v>
      </c>
      <c r="BI3" s="53"/>
      <c r="BJ3" s="282"/>
      <c r="BK3" s="282"/>
    </row>
    <row r="4" spans="1:63" ht="54" x14ac:dyDescent="0.2">
      <c r="A4" s="46" t="s">
        <v>169</v>
      </c>
      <c r="B4" s="46" t="s">
        <v>170</v>
      </c>
      <c r="C4" s="46" t="s">
        <v>171</v>
      </c>
      <c r="D4" s="47" t="s">
        <v>172</v>
      </c>
      <c r="E4" s="47" t="s">
        <v>173</v>
      </c>
      <c r="F4" s="48" t="s">
        <v>174</v>
      </c>
      <c r="G4" s="49" t="s">
        <v>175</v>
      </c>
      <c r="H4" s="51"/>
      <c r="I4" s="285"/>
      <c r="J4" s="285"/>
      <c r="K4" s="285"/>
      <c r="L4" s="285"/>
      <c r="M4" s="285"/>
      <c r="N4" s="283"/>
      <c r="O4" s="285"/>
      <c r="P4" s="43" t="s">
        <v>176</v>
      </c>
      <c r="Q4" s="43" t="s">
        <v>177</v>
      </c>
      <c r="R4" s="43" t="s">
        <v>178</v>
      </c>
      <c r="S4" s="43" t="s">
        <v>179</v>
      </c>
      <c r="T4" s="43" t="s">
        <v>180</v>
      </c>
      <c r="U4" s="43" t="s">
        <v>181</v>
      </c>
      <c r="V4" s="43" t="s">
        <v>182</v>
      </c>
      <c r="W4" s="43" t="s">
        <v>183</v>
      </c>
      <c r="X4" s="285"/>
      <c r="Y4" s="289"/>
      <c r="Z4" s="285"/>
      <c r="AA4" s="285"/>
      <c r="AB4" s="285"/>
      <c r="AC4" s="285"/>
      <c r="AD4" s="285"/>
      <c r="AE4" s="42" t="s">
        <v>184</v>
      </c>
      <c r="AF4" s="42" t="s">
        <v>185</v>
      </c>
      <c r="AG4" s="42" t="s">
        <v>186</v>
      </c>
      <c r="AH4" s="285"/>
      <c r="AI4" s="285"/>
      <c r="AJ4" s="285"/>
      <c r="AK4" s="54"/>
      <c r="AL4" s="42" t="s">
        <v>187</v>
      </c>
      <c r="AM4" s="285"/>
      <c r="AN4" s="285"/>
      <c r="AO4" s="285"/>
      <c r="AP4" s="54"/>
      <c r="AQ4" s="42" t="s">
        <v>188</v>
      </c>
      <c r="AR4" s="54"/>
      <c r="AS4" s="42" t="s">
        <v>188</v>
      </c>
      <c r="AT4" s="54"/>
      <c r="AU4" s="42" t="s">
        <v>188</v>
      </c>
      <c r="AV4" s="285"/>
      <c r="AW4" s="285"/>
      <c r="AX4" s="285"/>
      <c r="AY4" s="285"/>
      <c r="AZ4" s="285"/>
      <c r="BA4" s="60"/>
      <c r="BB4" s="42" t="s">
        <v>189</v>
      </c>
      <c r="BC4" s="54"/>
      <c r="BD4" s="42" t="s">
        <v>190</v>
      </c>
      <c r="BE4" s="54"/>
      <c r="BF4" s="42" t="s">
        <v>190</v>
      </c>
      <c r="BG4" s="285"/>
      <c r="BH4" s="285"/>
      <c r="BI4" s="53"/>
      <c r="BJ4" s="283"/>
      <c r="BK4" s="283"/>
    </row>
    <row r="5" spans="1:63" ht="138.75" customHeight="1" x14ac:dyDescent="0.2">
      <c r="A5" s="45">
        <f>表面!C15</f>
        <v>0</v>
      </c>
      <c r="B5" s="45">
        <f>表面!D15</f>
        <v>0</v>
      </c>
      <c r="C5" s="45">
        <f>表面!E15</f>
        <v>0</v>
      </c>
      <c r="D5" s="45">
        <f>表面!C5</f>
        <v>0</v>
      </c>
      <c r="E5" s="45">
        <f>表面!D5</f>
        <v>0</v>
      </c>
      <c r="F5" s="45">
        <f>表面!H3</f>
        <v>0</v>
      </c>
      <c r="G5" s="45">
        <f>表面!C3</f>
        <v>0</v>
      </c>
      <c r="H5"/>
      <c r="I5" s="45">
        <f>表面!C7</f>
        <v>0</v>
      </c>
      <c r="J5" s="45">
        <f>表面!C6</f>
        <v>0</v>
      </c>
      <c r="K5" s="45">
        <f>表面!D15</f>
        <v>0</v>
      </c>
      <c r="L5" s="45">
        <f>表面!H15</f>
        <v>0</v>
      </c>
      <c r="M5" s="45">
        <f>表面!C16</f>
        <v>0</v>
      </c>
      <c r="N5" s="45">
        <f>表面!H16</f>
        <v>0</v>
      </c>
      <c r="O5" s="45">
        <f>表面!C17</f>
        <v>0</v>
      </c>
      <c r="P5" s="45">
        <f>表面!C19</f>
        <v>0</v>
      </c>
      <c r="Q5" s="45">
        <f>表面!D19</f>
        <v>0</v>
      </c>
      <c r="R5" s="45">
        <f>表面!E19</f>
        <v>0</v>
      </c>
      <c r="S5" s="45">
        <f>表面!F19</f>
        <v>0</v>
      </c>
      <c r="T5" s="45">
        <f>表面!G19</f>
        <v>0</v>
      </c>
      <c r="U5" s="45">
        <f>表面!H19</f>
        <v>0</v>
      </c>
      <c r="V5" s="45">
        <f>表面!I19</f>
        <v>0</v>
      </c>
      <c r="W5" s="45">
        <f>表面!J19</f>
        <v>0</v>
      </c>
      <c r="X5" s="45">
        <f>表面!G17</f>
        <v>0</v>
      </c>
      <c r="Y5" s="45">
        <f>表面!J17</f>
        <v>0</v>
      </c>
      <c r="Z5" s="45">
        <f>表面!C10</f>
        <v>0</v>
      </c>
      <c r="AA5" s="45">
        <f>表面!H10</f>
        <v>0</v>
      </c>
      <c r="AB5" s="44">
        <f>表面!C12</f>
        <v>0</v>
      </c>
      <c r="AC5" s="44">
        <f>表面!C20</f>
        <v>0</v>
      </c>
      <c r="AD5" s="45">
        <f>表面!C22</f>
        <v>0</v>
      </c>
      <c r="AE5" s="45">
        <f>表面!C23</f>
        <v>0</v>
      </c>
      <c r="AF5" s="45">
        <f>表面!C25</f>
        <v>0</v>
      </c>
      <c r="AG5" s="45">
        <f>表面!C24</f>
        <v>0</v>
      </c>
      <c r="AH5" s="45">
        <f>表面!D26</f>
        <v>0</v>
      </c>
      <c r="AI5" s="44">
        <f>表面!C21</f>
        <v>0</v>
      </c>
      <c r="AJ5" s="45">
        <f>裏面!C3</f>
        <v>0</v>
      </c>
      <c r="AK5" s="44">
        <f>裏面!C4</f>
        <v>0</v>
      </c>
      <c r="AL5" s="45">
        <f>裏面!F4</f>
        <v>0</v>
      </c>
      <c r="AM5" s="44">
        <f>裏面!C5</f>
        <v>0</v>
      </c>
      <c r="AN5" s="44">
        <f>裏面!C6</f>
        <v>0</v>
      </c>
      <c r="AO5" s="44">
        <f>裏面!C7</f>
        <v>0</v>
      </c>
      <c r="AP5" s="44">
        <f>裏面!C10</f>
        <v>0</v>
      </c>
      <c r="AQ5" s="45">
        <f>裏面!F10</f>
        <v>0</v>
      </c>
      <c r="AR5" s="44">
        <f>裏面!C11</f>
        <v>0</v>
      </c>
      <c r="AS5" s="45">
        <f>裏面!F11</f>
        <v>0</v>
      </c>
      <c r="AT5" s="44">
        <f>裏面!C12</f>
        <v>0</v>
      </c>
      <c r="AU5" s="45">
        <f>裏面!F12</f>
        <v>0</v>
      </c>
      <c r="AV5" s="44">
        <f>裏面!C13</f>
        <v>0</v>
      </c>
      <c r="AW5" s="44">
        <f>裏面!C14</f>
        <v>0</v>
      </c>
      <c r="AX5" s="44">
        <f>裏面!C17</f>
        <v>0</v>
      </c>
      <c r="AY5" s="44">
        <f>裏面!C18</f>
        <v>0</v>
      </c>
      <c r="AZ5" s="44">
        <f>裏面!C19</f>
        <v>0</v>
      </c>
      <c r="BA5" s="44">
        <f>裏面!C22</f>
        <v>0</v>
      </c>
      <c r="BB5" s="44">
        <f>裏面!F22</f>
        <v>0</v>
      </c>
      <c r="BC5" s="44">
        <f>裏面!C23</f>
        <v>0</v>
      </c>
      <c r="BD5" s="44">
        <f>裏面!F23</f>
        <v>0</v>
      </c>
      <c r="BE5" s="44">
        <f>裏面!C24</f>
        <v>0</v>
      </c>
      <c r="BF5" s="44">
        <f>裏面!F24</f>
        <v>0</v>
      </c>
      <c r="BG5" s="44">
        <f>裏面!C25</f>
        <v>0</v>
      </c>
      <c r="BH5" s="44">
        <f>裏面!C26</f>
        <v>0</v>
      </c>
      <c r="BI5"/>
      <c r="BJ5" s="44">
        <f>表面!C29</f>
        <v>0</v>
      </c>
      <c r="BK5" s="44">
        <f>裏面!A29</f>
        <v>0</v>
      </c>
    </row>
    <row r="6" spans="1:63" customFormat="1" x14ac:dyDescent="0.2">
      <c r="BG6" s="52"/>
    </row>
    <row r="7" spans="1:63" customFormat="1" x14ac:dyDescent="0.2"/>
    <row r="8" spans="1:63" customFormat="1" x14ac:dyDescent="0.2"/>
    <row r="9" spans="1:63" customFormat="1" x14ac:dyDescent="0.2"/>
    <row r="10" spans="1:63" customFormat="1" x14ac:dyDescent="0.2"/>
    <row r="11" spans="1:63" customFormat="1" x14ac:dyDescent="0.2"/>
    <row r="12" spans="1:63" customFormat="1" x14ac:dyDescent="0.2"/>
    <row r="13" spans="1:63" customFormat="1" x14ac:dyDescent="0.2"/>
    <row r="14" spans="1:63" customFormat="1" x14ac:dyDescent="0.2"/>
    <row r="15" spans="1:63" customFormat="1" x14ac:dyDescent="0.2"/>
    <row r="16" spans="1:63" customFormat="1" x14ac:dyDescent="0.2"/>
    <row r="17" customFormat="1" x14ac:dyDescent="0.2"/>
    <row r="18" customFormat="1" x14ac:dyDescent="0.2"/>
    <row r="19" customFormat="1" x14ac:dyDescent="0.2"/>
    <row r="20" customFormat="1" x14ac:dyDescent="0.2"/>
    <row r="21" customFormat="1" x14ac:dyDescent="0.2"/>
    <row r="22" customFormat="1" x14ac:dyDescent="0.2"/>
    <row r="23" customFormat="1" x14ac:dyDescent="0.2"/>
    <row r="24" customFormat="1" x14ac:dyDescent="0.2"/>
    <row r="25" customFormat="1" x14ac:dyDescent="0.2"/>
    <row r="26" customFormat="1" x14ac:dyDescent="0.2"/>
    <row r="27" customFormat="1" x14ac:dyDescent="0.2"/>
    <row r="28" customFormat="1" x14ac:dyDescent="0.2"/>
    <row r="29" customFormat="1" x14ac:dyDescent="0.2"/>
    <row r="30" customFormat="1" x14ac:dyDescent="0.2"/>
    <row r="31" customFormat="1" x14ac:dyDescent="0.2"/>
    <row r="32" customFormat="1" x14ac:dyDescent="0.2"/>
    <row r="33" customFormat="1" x14ac:dyDescent="0.2"/>
    <row r="34" customFormat="1" x14ac:dyDescent="0.2"/>
    <row r="35" customFormat="1" x14ac:dyDescent="0.2"/>
    <row r="36" customFormat="1" x14ac:dyDescent="0.2"/>
    <row r="37" customFormat="1" x14ac:dyDescent="0.2"/>
    <row r="38" customFormat="1" x14ac:dyDescent="0.2"/>
    <row r="39" customFormat="1" x14ac:dyDescent="0.2"/>
    <row r="40" customFormat="1" x14ac:dyDescent="0.2"/>
    <row r="41" customFormat="1" x14ac:dyDescent="0.2"/>
    <row r="42" customFormat="1" x14ac:dyDescent="0.2"/>
    <row r="43" customFormat="1" x14ac:dyDescent="0.2"/>
    <row r="44" customFormat="1" x14ac:dyDescent="0.2"/>
    <row r="45" customFormat="1" x14ac:dyDescent="0.2"/>
    <row r="46" customFormat="1" x14ac:dyDescent="0.2"/>
    <row r="47" customFormat="1" x14ac:dyDescent="0.2"/>
    <row r="48" customFormat="1" x14ac:dyDescent="0.2"/>
    <row r="49" customFormat="1" x14ac:dyDescent="0.2"/>
    <row r="50" customFormat="1" x14ac:dyDescent="0.2"/>
    <row r="51" customFormat="1" x14ac:dyDescent="0.2"/>
    <row r="52" customFormat="1" x14ac:dyDescent="0.2"/>
  </sheetData>
  <sheetProtection algorithmName="SHA-512" hashValue="fiyPcUCJHy1DYVDo8F/6rK6PxZ+YrorlI77sWchGE1Q/fIFwK3/H9z23FtXVRgl7U53+4VGm/ghDGJtuWiMyTg==" saltValue="Eb2/orjWlPkLyluYPbmDOg==" spinCount="100000" sheet="1" objects="1" scenarios="1"/>
  <mergeCells count="55">
    <mergeCell ref="BH3:BH4"/>
    <mergeCell ref="AR3:AS3"/>
    <mergeCell ref="AT3:AU3"/>
    <mergeCell ref="AV3:AV4"/>
    <mergeCell ref="AW3:AW4"/>
    <mergeCell ref="AX3:AX4"/>
    <mergeCell ref="AY3:AY4"/>
    <mergeCell ref="AZ3:AZ4"/>
    <mergeCell ref="BA3:BB3"/>
    <mergeCell ref="BC3:BD3"/>
    <mergeCell ref="BE3:BF3"/>
    <mergeCell ref="BG3:BG4"/>
    <mergeCell ref="AX2:AZ2"/>
    <mergeCell ref="AJ3:AJ4"/>
    <mergeCell ref="AK3:AL3"/>
    <mergeCell ref="AM3:AM4"/>
    <mergeCell ref="AN3:AN4"/>
    <mergeCell ref="AO3:AO4"/>
    <mergeCell ref="AH3:AH4"/>
    <mergeCell ref="AP3:AQ3"/>
    <mergeCell ref="AI2:AI4"/>
    <mergeCell ref="AJ2:AO2"/>
    <mergeCell ref="AP2:AW2"/>
    <mergeCell ref="BA2:BH2"/>
    <mergeCell ref="K3:K4"/>
    <mergeCell ref="L3:L4"/>
    <mergeCell ref="O3:O4"/>
    <mergeCell ref="P3:W3"/>
    <mergeCell ref="X3:X4"/>
    <mergeCell ref="X2:Y2"/>
    <mergeCell ref="Y3:Y4"/>
    <mergeCell ref="N3:N4"/>
    <mergeCell ref="Z2:Z4"/>
    <mergeCell ref="AA2:AA4"/>
    <mergeCell ref="AB2:AB4"/>
    <mergeCell ref="AC2:AC4"/>
    <mergeCell ref="AD2:AH2"/>
    <mergeCell ref="AD3:AD4"/>
    <mergeCell ref="AF3:AG3"/>
    <mergeCell ref="A2:G2"/>
    <mergeCell ref="D3:G3"/>
    <mergeCell ref="BJ1:BJ4"/>
    <mergeCell ref="BK1:BK4"/>
    <mergeCell ref="A3:C3"/>
    <mergeCell ref="A1:G1"/>
    <mergeCell ref="I2:I4"/>
    <mergeCell ref="J2:J4"/>
    <mergeCell ref="K2:L2"/>
    <mergeCell ref="M2:M4"/>
    <mergeCell ref="N2:W2"/>
    <mergeCell ref="I1:M1"/>
    <mergeCell ref="N1:Y1"/>
    <mergeCell ref="Z1:AB1"/>
    <mergeCell ref="AC1:AI1"/>
    <mergeCell ref="AJ1:BH1"/>
  </mergeCells>
  <phoneticPr fontId="1"/>
  <conditionalFormatting sqref="I1:BH3 I4:M4 O4:BH4">
    <cfRule type="containsErrors" dxfId="0" priority="1">
      <formula>ISERROR(I1)</formula>
    </cfRule>
  </conditionalFormatting>
  <pageMargins left="0.39370078740157483" right="0.39370078740157483" top="0.39370078740157483" bottom="0.39370078740157483" header="0" footer="0"/>
  <pageSetup paperSize="9" scale="50" orientation="landscape" r:id="rId1"/>
  <colBreaks count="1" manualBreakCount="1">
    <brk id="3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F80"/>
  <sheetViews>
    <sheetView view="pageBreakPreview" zoomScaleNormal="190" zoomScaleSheetLayoutView="100" workbookViewId="0">
      <selection activeCell="D9" sqref="D9"/>
    </sheetView>
  </sheetViews>
  <sheetFormatPr defaultColWidth="9" defaultRowHeight="10.8" x14ac:dyDescent="0.2"/>
  <cols>
    <col min="1" max="2" width="5.21875" style="3" customWidth="1"/>
    <col min="3" max="3" width="5.33203125" style="3" customWidth="1"/>
    <col min="4" max="4" width="75.6640625" style="3" customWidth="1"/>
    <col min="5" max="16384" width="9" style="3"/>
  </cols>
  <sheetData>
    <row r="1" spans="1:6" ht="19.5" customHeight="1" thickBot="1" x14ac:dyDescent="0.25">
      <c r="A1" s="296" t="s">
        <v>191</v>
      </c>
      <c r="B1" s="296"/>
      <c r="C1" s="296"/>
      <c r="D1" s="296"/>
    </row>
    <row r="2" spans="1:6" s="9" customFormat="1" ht="17.25" customHeight="1" x14ac:dyDescent="0.2">
      <c r="A2" s="301" t="s">
        <v>192</v>
      </c>
      <c r="B2" s="302"/>
      <c r="C2" s="302"/>
      <c r="D2" s="41" t="s">
        <v>193</v>
      </c>
    </row>
    <row r="3" spans="1:6" s="9" customFormat="1" ht="20.100000000000001" customHeight="1" x14ac:dyDescent="0.2">
      <c r="A3" s="291" t="s">
        <v>194</v>
      </c>
      <c r="B3" s="292"/>
      <c r="C3" s="293"/>
      <c r="D3" s="7" t="s">
        <v>195</v>
      </c>
    </row>
    <row r="4" spans="1:6" s="9" customFormat="1" ht="20.100000000000001" customHeight="1" x14ac:dyDescent="0.2">
      <c r="A4" s="291" t="s">
        <v>196</v>
      </c>
      <c r="B4" s="292"/>
      <c r="C4" s="293"/>
      <c r="D4" s="7" t="s">
        <v>197</v>
      </c>
    </row>
    <row r="5" spans="1:6" ht="50.25" customHeight="1" x14ac:dyDescent="0.2">
      <c r="A5" s="294" t="s">
        <v>289</v>
      </c>
      <c r="B5" s="295"/>
      <c r="C5" s="295"/>
      <c r="D5" s="15" t="s">
        <v>198</v>
      </c>
    </row>
    <row r="6" spans="1:6" ht="81.75" customHeight="1" x14ac:dyDescent="0.2">
      <c r="A6" s="297" t="s">
        <v>199</v>
      </c>
      <c r="B6" s="295"/>
      <c r="C6" s="295"/>
      <c r="D6" s="10" t="s">
        <v>200</v>
      </c>
      <c r="F6" s="63"/>
    </row>
    <row r="7" spans="1:6" ht="20.100000000000001" customHeight="1" x14ac:dyDescent="0.2">
      <c r="A7" s="297" t="s">
        <v>201</v>
      </c>
      <c r="B7" s="295"/>
      <c r="C7" s="295"/>
      <c r="D7" s="6" t="s">
        <v>202</v>
      </c>
    </row>
    <row r="8" spans="1:6" ht="20.100000000000001" customHeight="1" x14ac:dyDescent="0.2">
      <c r="A8" s="291" t="s">
        <v>203</v>
      </c>
      <c r="B8" s="292"/>
      <c r="C8" s="293"/>
      <c r="D8" s="7" t="s">
        <v>204</v>
      </c>
    </row>
    <row r="9" spans="1:6" ht="27.9" customHeight="1" x14ac:dyDescent="0.2">
      <c r="A9" s="291" t="s">
        <v>205</v>
      </c>
      <c r="B9" s="292"/>
      <c r="C9" s="292"/>
      <c r="D9" s="6" t="s">
        <v>206</v>
      </c>
    </row>
    <row r="10" spans="1:6" ht="20.100000000000001" customHeight="1" x14ac:dyDescent="0.2">
      <c r="A10" s="291" t="s">
        <v>207</v>
      </c>
      <c r="B10" s="299"/>
      <c r="C10" s="300"/>
      <c r="D10" s="6" t="s">
        <v>208</v>
      </c>
    </row>
    <row r="11" spans="1:6" s="9" customFormat="1" ht="20.100000000000001" customHeight="1" x14ac:dyDescent="0.2">
      <c r="A11" s="291" t="s">
        <v>209</v>
      </c>
      <c r="B11" s="292"/>
      <c r="C11" s="293"/>
      <c r="D11" s="7" t="s">
        <v>210</v>
      </c>
    </row>
    <row r="12" spans="1:6" ht="27.9" customHeight="1" x14ac:dyDescent="0.2">
      <c r="A12" s="291" t="s">
        <v>13</v>
      </c>
      <c r="B12" s="292"/>
      <c r="C12" s="292"/>
      <c r="D12" s="6" t="s">
        <v>211</v>
      </c>
    </row>
    <row r="13" spans="1:6" ht="20.100000000000001" customHeight="1" x14ac:dyDescent="0.2">
      <c r="A13" s="291" t="s">
        <v>212</v>
      </c>
      <c r="B13" s="292"/>
      <c r="C13" s="293"/>
      <c r="D13" s="7" t="s">
        <v>213</v>
      </c>
    </row>
    <row r="14" spans="1:6" ht="27.9" customHeight="1" x14ac:dyDescent="0.2">
      <c r="A14" s="297" t="s">
        <v>214</v>
      </c>
      <c r="B14" s="295"/>
      <c r="C14" s="295"/>
      <c r="D14" s="6" t="s">
        <v>215</v>
      </c>
    </row>
    <row r="15" spans="1:6" ht="20.100000000000001" customHeight="1" x14ac:dyDescent="0.2">
      <c r="A15" s="297" t="s">
        <v>216</v>
      </c>
      <c r="B15" s="295"/>
      <c r="C15" s="295"/>
      <c r="D15" s="6" t="s">
        <v>217</v>
      </c>
    </row>
    <row r="16" spans="1:6" ht="20.100000000000001" customHeight="1" x14ac:dyDescent="0.2">
      <c r="A16" s="291" t="s">
        <v>19</v>
      </c>
      <c r="B16" s="292"/>
      <c r="C16" s="292"/>
      <c r="D16" s="6" t="s">
        <v>218</v>
      </c>
    </row>
    <row r="17" spans="1:4" ht="27.9" customHeight="1" x14ac:dyDescent="0.2">
      <c r="A17" s="297" t="s">
        <v>123</v>
      </c>
      <c r="B17" s="295"/>
      <c r="C17" s="295"/>
      <c r="D17" s="6" t="s">
        <v>219</v>
      </c>
    </row>
    <row r="18" spans="1:4" ht="37.5" customHeight="1" x14ac:dyDescent="0.2">
      <c r="A18" s="297" t="s">
        <v>220</v>
      </c>
      <c r="B18" s="298"/>
      <c r="C18" s="298"/>
      <c r="D18" s="7" t="s">
        <v>221</v>
      </c>
    </row>
    <row r="19" spans="1:4" ht="20.100000000000001" customHeight="1" x14ac:dyDescent="0.2">
      <c r="A19" s="291" t="s">
        <v>139</v>
      </c>
      <c r="B19" s="299"/>
      <c r="C19" s="300"/>
      <c r="D19" s="7" t="s">
        <v>222</v>
      </c>
    </row>
    <row r="20" spans="1:4" ht="27.9" customHeight="1" x14ac:dyDescent="0.2">
      <c r="A20" s="297" t="s">
        <v>184</v>
      </c>
      <c r="B20" s="298"/>
      <c r="C20" s="298"/>
      <c r="D20" s="7" t="s">
        <v>223</v>
      </c>
    </row>
    <row r="21" spans="1:4" ht="27.9" customHeight="1" x14ac:dyDescent="0.2">
      <c r="A21" s="297" t="s">
        <v>186</v>
      </c>
      <c r="B21" s="298"/>
      <c r="C21" s="298"/>
      <c r="D21" s="7" t="s">
        <v>224</v>
      </c>
    </row>
    <row r="22" spans="1:4" ht="27" customHeight="1" x14ac:dyDescent="0.2">
      <c r="A22" s="297" t="s">
        <v>185</v>
      </c>
      <c r="B22" s="298"/>
      <c r="C22" s="298"/>
      <c r="D22" s="8" t="s">
        <v>290</v>
      </c>
    </row>
    <row r="23" spans="1:4" ht="20.100000000000001" customHeight="1" x14ac:dyDescent="0.2">
      <c r="A23" s="291" t="s">
        <v>44</v>
      </c>
      <c r="B23" s="299"/>
      <c r="C23" s="300"/>
      <c r="D23" s="6" t="s">
        <v>225</v>
      </c>
    </row>
    <row r="24" spans="1:4" ht="20.100000000000001" customHeight="1" x14ac:dyDescent="0.2">
      <c r="A24" s="297" t="s">
        <v>226</v>
      </c>
      <c r="B24" s="298"/>
      <c r="C24" s="298"/>
      <c r="D24" s="5" t="s">
        <v>227</v>
      </c>
    </row>
    <row r="25" spans="1:4" ht="20.100000000000001" customHeight="1" x14ac:dyDescent="0.2">
      <c r="A25" s="297" t="s">
        <v>48</v>
      </c>
      <c r="B25" s="298"/>
      <c r="C25" s="298"/>
      <c r="D25" s="5" t="s">
        <v>228</v>
      </c>
    </row>
    <row r="26" spans="1:4" ht="20.100000000000001" customHeight="1" x14ac:dyDescent="0.2">
      <c r="A26" s="297" t="s">
        <v>229</v>
      </c>
      <c r="B26" s="298"/>
      <c r="C26" s="298"/>
      <c r="D26" s="5" t="s">
        <v>230</v>
      </c>
    </row>
    <row r="27" spans="1:4" ht="20.100000000000001" customHeight="1" x14ac:dyDescent="0.2">
      <c r="A27" s="297" t="s">
        <v>231</v>
      </c>
      <c r="B27" s="298"/>
      <c r="C27" s="298"/>
      <c r="D27" s="5" t="s">
        <v>230</v>
      </c>
    </row>
    <row r="28" spans="1:4" ht="20.100000000000001" customHeight="1" x14ac:dyDescent="0.2">
      <c r="A28" s="297" t="s">
        <v>232</v>
      </c>
      <c r="B28" s="298"/>
      <c r="C28" s="298"/>
      <c r="D28" s="5" t="s">
        <v>230</v>
      </c>
    </row>
    <row r="29" spans="1:4" ht="27.9" customHeight="1" x14ac:dyDescent="0.2">
      <c r="A29" s="291" t="s">
        <v>233</v>
      </c>
      <c r="B29" s="299"/>
      <c r="C29" s="300"/>
      <c r="D29" s="5" t="s">
        <v>234</v>
      </c>
    </row>
    <row r="30" spans="1:4" ht="27.9" customHeight="1" x14ac:dyDescent="0.2">
      <c r="A30" s="297" t="s">
        <v>235</v>
      </c>
      <c r="B30" s="298"/>
      <c r="C30" s="298"/>
      <c r="D30" s="5" t="s">
        <v>236</v>
      </c>
    </row>
    <row r="31" spans="1:4" ht="47.25" customHeight="1" x14ac:dyDescent="0.2">
      <c r="A31" s="294" t="s">
        <v>59</v>
      </c>
      <c r="B31" s="298"/>
      <c r="C31" s="298"/>
      <c r="D31" s="5" t="s">
        <v>237</v>
      </c>
    </row>
    <row r="32" spans="1:4" ht="27.9" customHeight="1" thickBot="1" x14ac:dyDescent="0.25">
      <c r="A32" s="303" t="s">
        <v>238</v>
      </c>
      <c r="B32" s="304"/>
      <c r="C32" s="304"/>
      <c r="D32" s="4" t="s">
        <v>302</v>
      </c>
    </row>
    <row r="34" spans="1:1" ht="13.2" hidden="1" x14ac:dyDescent="0.2">
      <c r="A34" s="12" t="s">
        <v>239</v>
      </c>
    </row>
    <row r="35" spans="1:1" ht="13.2" hidden="1" x14ac:dyDescent="0.2">
      <c r="A35" s="12" t="s">
        <v>240</v>
      </c>
    </row>
    <row r="36" spans="1:1" ht="13.2" hidden="1" x14ac:dyDescent="0.2">
      <c r="A36" s="12" t="s">
        <v>241</v>
      </c>
    </row>
    <row r="37" spans="1:1" ht="13.2" hidden="1" x14ac:dyDescent="0.2">
      <c r="A37" s="12" t="s">
        <v>242</v>
      </c>
    </row>
    <row r="38" spans="1:1" ht="13.2" hidden="1" x14ac:dyDescent="0.2">
      <c r="A38" s="12" t="s">
        <v>243</v>
      </c>
    </row>
    <row r="39" spans="1:1" ht="13.2" hidden="1" x14ac:dyDescent="0.2">
      <c r="A39" s="12" t="s">
        <v>244</v>
      </c>
    </row>
    <row r="40" spans="1:1" ht="13.2" hidden="1" x14ac:dyDescent="0.2">
      <c r="A40" s="12" t="s">
        <v>245</v>
      </c>
    </row>
    <row r="41" spans="1:1" ht="13.2" hidden="1" x14ac:dyDescent="0.2">
      <c r="A41" s="12" t="s">
        <v>246</v>
      </c>
    </row>
    <row r="42" spans="1:1" ht="13.2" hidden="1" x14ac:dyDescent="0.2">
      <c r="A42" s="12" t="s">
        <v>247</v>
      </c>
    </row>
    <row r="43" spans="1:1" ht="13.2" hidden="1" x14ac:dyDescent="0.2">
      <c r="A43" s="12" t="s">
        <v>248</v>
      </c>
    </row>
    <row r="44" spans="1:1" ht="13.2" hidden="1" x14ac:dyDescent="0.2">
      <c r="A44" s="12" t="s">
        <v>249</v>
      </c>
    </row>
    <row r="45" spans="1:1" ht="13.2" hidden="1" x14ac:dyDescent="0.2">
      <c r="A45" s="12" t="s">
        <v>250</v>
      </c>
    </row>
    <row r="46" spans="1:1" ht="13.2" hidden="1" x14ac:dyDescent="0.2">
      <c r="A46" s="12" t="s">
        <v>251</v>
      </c>
    </row>
    <row r="47" spans="1:1" ht="13.2" hidden="1" x14ac:dyDescent="0.2">
      <c r="A47" s="12" t="s">
        <v>252</v>
      </c>
    </row>
    <row r="48" spans="1:1" ht="13.2" hidden="1" x14ac:dyDescent="0.2">
      <c r="A48" s="12" t="s">
        <v>253</v>
      </c>
    </row>
    <row r="49" spans="1:1" ht="13.2" hidden="1" x14ac:dyDescent="0.2">
      <c r="A49" s="12" t="s">
        <v>254</v>
      </c>
    </row>
    <row r="50" spans="1:1" ht="13.2" hidden="1" x14ac:dyDescent="0.2">
      <c r="A50" s="12" t="s">
        <v>255</v>
      </c>
    </row>
    <row r="51" spans="1:1" ht="13.2" hidden="1" x14ac:dyDescent="0.2">
      <c r="A51" s="12" t="s">
        <v>256</v>
      </c>
    </row>
    <row r="52" spans="1:1" ht="13.2" hidden="1" x14ac:dyDescent="0.2">
      <c r="A52" s="12" t="s">
        <v>257</v>
      </c>
    </row>
    <row r="53" spans="1:1" ht="13.2" hidden="1" x14ac:dyDescent="0.2">
      <c r="A53" s="12" t="s">
        <v>258</v>
      </c>
    </row>
    <row r="54" spans="1:1" ht="13.2" hidden="1" x14ac:dyDescent="0.2">
      <c r="A54" s="12" t="s">
        <v>259</v>
      </c>
    </row>
    <row r="55" spans="1:1" ht="13.2" hidden="1" x14ac:dyDescent="0.2">
      <c r="A55" s="12" t="s">
        <v>260</v>
      </c>
    </row>
    <row r="56" spans="1:1" ht="13.2" hidden="1" x14ac:dyDescent="0.2">
      <c r="A56" s="12" t="s">
        <v>261</v>
      </c>
    </row>
    <row r="57" spans="1:1" ht="13.2" hidden="1" x14ac:dyDescent="0.2">
      <c r="A57" s="12" t="s">
        <v>262</v>
      </c>
    </row>
    <row r="58" spans="1:1" ht="13.2" hidden="1" x14ac:dyDescent="0.2">
      <c r="A58" s="12" t="s">
        <v>263</v>
      </c>
    </row>
    <row r="59" spans="1:1" ht="13.2" hidden="1" x14ac:dyDescent="0.2">
      <c r="A59" s="12" t="s">
        <v>264</v>
      </c>
    </row>
    <row r="60" spans="1:1" ht="13.2" hidden="1" x14ac:dyDescent="0.2">
      <c r="A60" s="12" t="s">
        <v>265</v>
      </c>
    </row>
    <row r="61" spans="1:1" ht="13.2" hidden="1" x14ac:dyDescent="0.2">
      <c r="A61" s="12" t="s">
        <v>266</v>
      </c>
    </row>
    <row r="62" spans="1:1" ht="13.2" hidden="1" x14ac:dyDescent="0.2">
      <c r="A62" s="12" t="s">
        <v>267</v>
      </c>
    </row>
    <row r="63" spans="1:1" ht="13.2" hidden="1" x14ac:dyDescent="0.2">
      <c r="A63" s="12" t="s">
        <v>268</v>
      </c>
    </row>
    <row r="64" spans="1:1" ht="13.2" hidden="1" x14ac:dyDescent="0.2">
      <c r="A64" s="12" t="s">
        <v>269</v>
      </c>
    </row>
    <row r="65" spans="1:1" ht="13.2" hidden="1" x14ac:dyDescent="0.2">
      <c r="A65" s="12" t="s">
        <v>270</v>
      </c>
    </row>
    <row r="66" spans="1:1" ht="13.2" hidden="1" x14ac:dyDescent="0.2">
      <c r="A66" s="12" t="s">
        <v>271</v>
      </c>
    </row>
    <row r="67" spans="1:1" ht="13.2" hidden="1" x14ac:dyDescent="0.2">
      <c r="A67" s="12" t="s">
        <v>272</v>
      </c>
    </row>
    <row r="68" spans="1:1" ht="13.2" hidden="1" x14ac:dyDescent="0.2">
      <c r="A68" s="12" t="s">
        <v>273</v>
      </c>
    </row>
    <row r="69" spans="1:1" ht="13.2" hidden="1" x14ac:dyDescent="0.2">
      <c r="A69" s="12" t="s">
        <v>274</v>
      </c>
    </row>
    <row r="70" spans="1:1" ht="13.2" hidden="1" x14ac:dyDescent="0.2">
      <c r="A70" s="12" t="s">
        <v>275</v>
      </c>
    </row>
    <row r="71" spans="1:1" ht="13.2" hidden="1" x14ac:dyDescent="0.2">
      <c r="A71" s="12" t="s">
        <v>276</v>
      </c>
    </row>
    <row r="72" spans="1:1" ht="13.2" hidden="1" x14ac:dyDescent="0.2">
      <c r="A72" s="12" t="s">
        <v>277</v>
      </c>
    </row>
    <row r="73" spans="1:1" ht="13.2" hidden="1" x14ac:dyDescent="0.2">
      <c r="A73" s="12" t="s">
        <v>278</v>
      </c>
    </row>
    <row r="74" spans="1:1" ht="13.2" hidden="1" x14ac:dyDescent="0.2">
      <c r="A74" s="12" t="s">
        <v>279</v>
      </c>
    </row>
    <row r="75" spans="1:1" ht="13.2" hidden="1" x14ac:dyDescent="0.2">
      <c r="A75" s="12" t="s">
        <v>280</v>
      </c>
    </row>
    <row r="76" spans="1:1" ht="13.2" hidden="1" x14ac:dyDescent="0.2">
      <c r="A76" s="12" t="s">
        <v>281</v>
      </c>
    </row>
    <row r="77" spans="1:1" ht="13.2" hidden="1" x14ac:dyDescent="0.2">
      <c r="A77" s="12" t="s">
        <v>282</v>
      </c>
    </row>
    <row r="78" spans="1:1" ht="13.2" hidden="1" x14ac:dyDescent="0.2">
      <c r="A78" s="12" t="s">
        <v>283</v>
      </c>
    </row>
    <row r="79" spans="1:1" ht="13.2" hidden="1" x14ac:dyDescent="0.2">
      <c r="A79" s="12" t="s">
        <v>284</v>
      </c>
    </row>
    <row r="80" spans="1:1" ht="13.2" hidden="1" x14ac:dyDescent="0.2">
      <c r="A80" s="12" t="s">
        <v>285</v>
      </c>
    </row>
  </sheetData>
  <sheetProtection algorithmName="SHA-512" hashValue="8theXCV26w1G5CpmF0OpbDJIBrERMpOWuJi+HPUQ1vbGAFqBbxqwqJ+MCe4mDlKnmSBfH1SuEWzIeNh0wA7/LQ==" saltValue="69u7jOuzMi4135Wpy860CA==" spinCount="100000" sheet="1" objects="1" scenarios="1"/>
  <mergeCells count="32">
    <mergeCell ref="A32:C32"/>
    <mergeCell ref="A25:C25"/>
    <mergeCell ref="A26:C26"/>
    <mergeCell ref="A27:C27"/>
    <mergeCell ref="A28:C28"/>
    <mergeCell ref="A29:C29"/>
    <mergeCell ref="A21:C21"/>
    <mergeCell ref="A22:C22"/>
    <mergeCell ref="A18:C18"/>
    <mergeCell ref="A20:C20"/>
    <mergeCell ref="A19:C19"/>
    <mergeCell ref="A17:C17"/>
    <mergeCell ref="A9:C9"/>
    <mergeCell ref="A12:C12"/>
    <mergeCell ref="A11:C11"/>
    <mergeCell ref="A10:C10"/>
    <mergeCell ref="A8:C8"/>
    <mergeCell ref="A5:C5"/>
    <mergeCell ref="A1:D1"/>
    <mergeCell ref="A30:C30"/>
    <mergeCell ref="A31:C31"/>
    <mergeCell ref="A24:C24"/>
    <mergeCell ref="A23:C23"/>
    <mergeCell ref="A2:C2"/>
    <mergeCell ref="A7:C7"/>
    <mergeCell ref="A6:C6"/>
    <mergeCell ref="A14:C14"/>
    <mergeCell ref="A4:C4"/>
    <mergeCell ref="A3:C3"/>
    <mergeCell ref="A13:C13"/>
    <mergeCell ref="A16:C16"/>
    <mergeCell ref="A15:C15"/>
  </mergeCells>
  <phoneticPr fontId="1"/>
  <pageMargins left="0.59055118110236227" right="0.39370078740157483" top="0.39370078740157483" bottom="0.39370078740157483" header="0" footer="0"/>
  <pageSetup paperSize="9" orientation="portrait" cellComments="asDisplayed" r:id="rId1"/>
  <headerFooter>
    <oddHeader xml:space="preserve">&amp;L&amp;"-,太字"
</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EE6464D561D54A4C97753DE11B536C41" ma:contentTypeVersion="11" ma:contentTypeDescription="新しいドキュメントを作成します。" ma:contentTypeScope="" ma:versionID="8cb8e2c6585faddb9e9e077355e9bc2f">
  <xsd:schema xmlns:xsd="http://www.w3.org/2001/XMLSchema" xmlns:xs="http://www.w3.org/2001/XMLSchema" xmlns:p="http://schemas.microsoft.com/office/2006/metadata/properties" xmlns:ns2="85089362-e3b4-44fb-8a16-50bc815cf4d1" xmlns:ns3="7f1e29f5-1aa2-4ed7-a4c5-0f459278da93" targetNamespace="http://schemas.microsoft.com/office/2006/metadata/properties" ma:root="true" ma:fieldsID="07c9424604827f5e9f00aac87da9735e" ns2:_="" ns3:_="">
    <xsd:import namespace="85089362-e3b4-44fb-8a16-50bc815cf4d1"/>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5089362-e3b4-44fb-8a16-50bc815cf4d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bjectDetectorVersions" ma:index="18"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83425f03-33df-44b1-a364-7d31ec9e08b0}"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85089362-e3b4-44fb-8a16-50bc815cf4d1">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3495DF2B-7193-458B-9F3D-D4A2C513E80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5089362-e3b4-44fb-8a16-50bc815cf4d1"/>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DF4EA9-D7FD-4AEC-836F-E3515ABF4BF9}">
  <ds:schemaRefs>
    <ds:schemaRef ds:uri="http://schemas.microsoft.com/sharepoint/v3/contenttype/forms"/>
  </ds:schemaRefs>
</ds:datastoreItem>
</file>

<file path=customXml/itemProps3.xml><?xml version="1.0" encoding="utf-8"?>
<ds:datastoreItem xmlns:ds="http://schemas.openxmlformats.org/officeDocument/2006/customXml" ds:itemID="{0F015E88-D7C4-45E6-BFAD-2ADB5B8B17BF}">
  <ds:schemaRefs>
    <ds:schemaRef ds:uri="http://schemas.openxmlformats.org/package/2006/metadata/core-properties"/>
    <ds:schemaRef ds:uri="http://www.w3.org/XML/1998/namespace"/>
    <ds:schemaRef ds:uri="http://purl.org/dc/dcmitype/"/>
    <ds:schemaRef ds:uri="http://purl.org/dc/terms/"/>
    <ds:schemaRef ds:uri="http://purl.org/dc/elements/1.1/"/>
    <ds:schemaRef ds:uri="85089362-e3b4-44fb-8a16-50bc815cf4d1"/>
    <ds:schemaRef ds:uri="http://schemas.microsoft.com/office/2006/metadata/properties"/>
    <ds:schemaRef ds:uri="http://schemas.microsoft.com/office/2006/documentManagement/types"/>
    <ds:schemaRef ds:uri="http://schemas.microsoft.com/office/infopath/2007/PartnerControls"/>
    <ds:schemaRef ds:uri="7f1e29f5-1aa2-4ed7-a4c5-0f459278da93"/>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表面</vt:lpstr>
      <vt:lpstr>裏面</vt:lpstr>
      <vt:lpstr>表面 (記載例)</vt:lpstr>
      <vt:lpstr>裏面 (記載例)</vt:lpstr>
      <vt:lpstr>DB掲載用</vt:lpstr>
      <vt:lpstr>反映シート</vt:lpstr>
      <vt:lpstr>ﾌﾟﾙﾀﾞｳﾝ</vt:lpstr>
      <vt:lpstr>DB掲載用!Print_Area</vt:lpstr>
      <vt:lpstr>ﾌﾟﾙﾀﾞｳﾝ!Print_Area</vt:lpstr>
      <vt:lpstr>表面!Print_Area</vt:lpstr>
      <vt:lpstr>'表面 (記載例)'!Print_Area</vt:lpstr>
      <vt:lpstr>裏面!Print_Area</vt:lpstr>
      <vt:lpstr>'裏面 (記載例)'!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本 里香(MIYAMOTO Rika)</dc:creator>
  <cp:keywords/>
  <dc:description/>
  <cp:lastModifiedBy>user</cp:lastModifiedBy>
  <cp:revision/>
  <cp:lastPrinted>2023-12-11T11:33:16Z</cp:lastPrinted>
  <dcterms:created xsi:type="dcterms:W3CDTF">2017-02-28T08:43:09Z</dcterms:created>
  <dcterms:modified xsi:type="dcterms:W3CDTF">2024-01-12T08:13:49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E6464D561D54A4C97753DE11B536C41</vt:lpwstr>
  </property>
  <property fmtid="{D5CDD505-2E9C-101B-9397-08002B2CF9AE}" pid="3" name="MediaServiceImageTags">
    <vt:lpwstr/>
  </property>
  <property fmtid="{D5CDD505-2E9C-101B-9397-08002B2CF9AE}" pid="4" name="Order">
    <vt:r8>2188100</vt:r8>
  </property>
  <property fmtid="{D5CDD505-2E9C-101B-9397-08002B2CF9AE}" pid="5" name="xd_Signature">
    <vt:bool>false</vt:bool>
  </property>
  <property fmtid="{D5CDD505-2E9C-101B-9397-08002B2CF9AE}" pid="6" name="xd_ProgID">
    <vt:lpwstr/>
  </property>
  <property fmtid="{D5CDD505-2E9C-101B-9397-08002B2CF9AE}" pid="7" name="_ExtendedDescription">
    <vt:lpwstr/>
  </property>
  <property fmtid="{D5CDD505-2E9C-101B-9397-08002B2CF9AE}" pid="8" name="TriggerFlowInfo">
    <vt:lpwstr/>
  </property>
  <property fmtid="{D5CDD505-2E9C-101B-9397-08002B2CF9AE}" pid="9" name="ComplianceAssetId">
    <vt:lpwstr/>
  </property>
  <property fmtid="{D5CDD505-2E9C-101B-9397-08002B2CF9AE}" pid="10" name="TemplateUrl">
    <vt:lpwstr/>
  </property>
</Properties>
</file>